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jpg" ContentType="image/jpeg"/>
  <Default Extension="mp3" ContentType="audio/m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7"/>
  </p:notesMasterIdLst>
  <p:sldIdLst>
    <p:sldId id="262" r:id="rId2"/>
    <p:sldId id="257" r:id="rId3"/>
    <p:sldId id="261" r:id="rId4"/>
    <p:sldId id="263" r:id="rId5"/>
    <p:sldId id="264" r:id="rId6"/>
    <p:sldId id="274" r:id="rId7"/>
    <p:sldId id="275" r:id="rId8"/>
    <p:sldId id="266" r:id="rId9"/>
    <p:sldId id="281" r:id="rId10"/>
    <p:sldId id="267" r:id="rId11"/>
    <p:sldId id="265" r:id="rId12"/>
    <p:sldId id="271" r:id="rId13"/>
    <p:sldId id="280" r:id="rId14"/>
    <p:sldId id="273" r:id="rId15"/>
    <p:sldId id="282" r:id="rId16"/>
    <p:sldId id="276" r:id="rId17"/>
    <p:sldId id="272" r:id="rId18"/>
    <p:sldId id="277" r:id="rId19"/>
    <p:sldId id="278" r:id="rId20"/>
    <p:sldId id="283" r:id="rId21"/>
    <p:sldId id="279" r:id="rId22"/>
    <p:sldId id="268" r:id="rId23"/>
    <p:sldId id="269" r:id="rId24"/>
    <p:sldId id="270" r:id="rId25"/>
    <p:sldId id="284" r:id="rId26"/>
  </p:sldIdLst>
  <p:sldSz cx="12192000" cy="6858000"/>
  <p:notesSz cx="6858000" cy="9144000"/>
  <p:custDataLst>
    <p:tags r:id="rId28"/>
  </p:custDataLst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6680"/>
    <a:srgbClr val="FEBC30"/>
    <a:srgbClr val="45AFC5"/>
    <a:srgbClr val="E7E6E6"/>
    <a:srgbClr val="A883BD"/>
    <a:srgbClr val="80AD31"/>
    <a:srgbClr val="CB1B3D"/>
    <a:srgbClr val="BFBFBF"/>
    <a:srgbClr val="FF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4971" autoAdjust="0"/>
    <p:restoredTop sz="94660"/>
  </p:normalViewPr>
  <p:slideViewPr>
    <p:cSldViewPr snapToGrid="0">
      <p:cViewPr varScale="1">
        <p:scale>
          <a:sx n="111" d="100"/>
          <a:sy n="111" d="100"/>
        </p:scale>
        <p:origin x="510" y="10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tags" Target="tags/tag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viewProps" Target="view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845B00F-5CB6-4112-A765-DB43C5F5EFEC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8ECFE7C6-211A-4AA6-BB9C-69FB0606AAF1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7002433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60204123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0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33606038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2633497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964952827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043895735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6641451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614334290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6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954480982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7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484726997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8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60167700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19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426396619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011675210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0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732558535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1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925755633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2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614935599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412006941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03143818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2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25812678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3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4989473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4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7147682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5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19411431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6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84202066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7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507353148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8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36329189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0C8F199E-2EE8-43CB-8FF0-8CE490DAE21E}" type="slidenum">
              <a:rPr lang="zh-CN" altLang="en-US" smtClean="0"/>
              <a:t>9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56694126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副标题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/>
              <a:t>单击以编辑母版副标题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418046210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6558494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竖排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99781292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9065661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53915813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375984001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58812027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88984365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4936681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08986626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227738466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8397AF4-471F-40AD-BBEF-12715845866A}" type="datetimeFigureOut">
              <a:rPr lang="zh-CN" altLang="en-US" smtClean="0"/>
              <a:t>2019/11/6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8C8CB9B-EC1D-450D-8120-CCB656824030}" type="slidenum">
              <a:rPr lang="zh-CN" altLang="en-US" smtClean="0"/>
              <a:t>‹#›</a:t>
            </a:fld>
            <a:endParaRPr lang="zh-CN" altLang="en-US"/>
          </a:p>
        </p:txBody>
      </p:sp>
    </p:spTree>
    <p:extLst>
      <p:ext uri="{BB962C8B-B14F-4D97-AF65-F5344CB8AC3E}">
        <p14:creationId xmlns:p14="http://schemas.microsoft.com/office/powerpoint/2010/main" val="112543663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emf"/><Relationship Id="rId13" Type="http://schemas.openxmlformats.org/officeDocument/2006/relationships/image" Target="../media/image9.emf"/><Relationship Id="rId18" Type="http://schemas.openxmlformats.org/officeDocument/2006/relationships/image" Target="../media/image14.emf"/><Relationship Id="rId3" Type="http://schemas.openxmlformats.org/officeDocument/2006/relationships/slideLayout" Target="../slideLayouts/slideLayout1.xml"/><Relationship Id="rId7" Type="http://schemas.openxmlformats.org/officeDocument/2006/relationships/image" Target="../media/image3.emf"/><Relationship Id="rId12" Type="http://schemas.openxmlformats.org/officeDocument/2006/relationships/image" Target="../media/image8.emf"/><Relationship Id="rId17" Type="http://schemas.openxmlformats.org/officeDocument/2006/relationships/image" Target="../media/image13.emf"/><Relationship Id="rId2" Type="http://schemas.openxmlformats.org/officeDocument/2006/relationships/audio" Target="../media/media1.mp3"/><Relationship Id="rId16" Type="http://schemas.openxmlformats.org/officeDocument/2006/relationships/image" Target="../media/image12.emf"/><Relationship Id="rId20" Type="http://schemas.openxmlformats.org/officeDocument/2006/relationships/image" Target="../media/image16.png"/><Relationship Id="rId1" Type="http://schemas.microsoft.com/office/2007/relationships/media" Target="../media/media1.mp3"/><Relationship Id="rId6" Type="http://schemas.openxmlformats.org/officeDocument/2006/relationships/image" Target="../media/image2.emf"/><Relationship Id="rId11" Type="http://schemas.openxmlformats.org/officeDocument/2006/relationships/image" Target="../media/image7.emf"/><Relationship Id="rId5" Type="http://schemas.openxmlformats.org/officeDocument/2006/relationships/image" Target="../media/image1.emf"/><Relationship Id="rId15" Type="http://schemas.openxmlformats.org/officeDocument/2006/relationships/image" Target="../media/image11.emf"/><Relationship Id="rId10" Type="http://schemas.openxmlformats.org/officeDocument/2006/relationships/image" Target="../media/image6.emf"/><Relationship Id="rId19" Type="http://schemas.openxmlformats.org/officeDocument/2006/relationships/image" Target="../media/image15.emf"/><Relationship Id="rId4" Type="http://schemas.openxmlformats.org/officeDocument/2006/relationships/notesSlide" Target="../notesSlides/notesSlide1.xml"/><Relationship Id="rId9" Type="http://schemas.openxmlformats.org/officeDocument/2006/relationships/image" Target="../media/image5.emf"/><Relationship Id="rId14" Type="http://schemas.openxmlformats.org/officeDocument/2006/relationships/image" Target="../media/image10.emf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pn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10" Type="http://schemas.openxmlformats.org/officeDocument/2006/relationships/image" Target="../media/image25.jpg"/><Relationship Id="rId4" Type="http://schemas.openxmlformats.org/officeDocument/2006/relationships/image" Target="../media/image6.emf"/><Relationship Id="rId9" Type="http://schemas.microsoft.com/office/2007/relationships/hdphoto" Target="../media/hdphoto1.wdp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15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6.pn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Relationship Id="rId9" Type="http://schemas.openxmlformats.org/officeDocument/2006/relationships/image" Target="../media/image27.png"/></Relationships>
</file>

<file path=ppt/slides/_rels/slide17.xml.rels><?xml version="1.0" encoding="UTF-8" standalone="yes"?>
<Relationships xmlns="http://schemas.openxmlformats.org/package/2006/relationships"><Relationship Id="rId8" Type="http://schemas.openxmlformats.org/officeDocument/2006/relationships/image" Target="../media/image28.jp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3" Type="http://schemas.openxmlformats.org/officeDocument/2006/relationships/image" Target="../media/image1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2" Type="http://schemas.openxmlformats.org/officeDocument/2006/relationships/notesSlide" Target="../notesSlides/notesSlide2.xml"/><Relationship Id="rId16" Type="http://schemas.openxmlformats.org/officeDocument/2006/relationships/image" Target="../media/image6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4.emf"/><Relationship Id="rId10" Type="http://schemas.openxmlformats.org/officeDocument/2006/relationships/image" Target="../media/image9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20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25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emf"/><Relationship Id="rId13" Type="http://schemas.openxmlformats.org/officeDocument/2006/relationships/image" Target="../media/image11.emf"/><Relationship Id="rId3" Type="http://schemas.openxmlformats.org/officeDocument/2006/relationships/image" Target="../media/image1.emf"/><Relationship Id="rId7" Type="http://schemas.openxmlformats.org/officeDocument/2006/relationships/image" Target="../media/image5.emf"/><Relationship Id="rId12" Type="http://schemas.openxmlformats.org/officeDocument/2006/relationships/image" Target="../media/image10.emf"/><Relationship Id="rId17" Type="http://schemas.openxmlformats.org/officeDocument/2006/relationships/image" Target="../media/image15.emf"/><Relationship Id="rId2" Type="http://schemas.openxmlformats.org/officeDocument/2006/relationships/notesSlide" Target="../notesSlides/notesSlide25.xml"/><Relationship Id="rId16" Type="http://schemas.openxmlformats.org/officeDocument/2006/relationships/image" Target="../media/image14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9.emf"/><Relationship Id="rId5" Type="http://schemas.openxmlformats.org/officeDocument/2006/relationships/image" Target="../media/image3.emf"/><Relationship Id="rId15" Type="http://schemas.openxmlformats.org/officeDocument/2006/relationships/image" Target="../media/image13.emf"/><Relationship Id="rId10" Type="http://schemas.openxmlformats.org/officeDocument/2006/relationships/image" Target="../media/image8.emf"/><Relationship Id="rId4" Type="http://schemas.openxmlformats.org/officeDocument/2006/relationships/image" Target="../media/image2.emf"/><Relationship Id="rId9" Type="http://schemas.openxmlformats.org/officeDocument/2006/relationships/image" Target="../media/image7.emf"/><Relationship Id="rId14" Type="http://schemas.openxmlformats.org/officeDocument/2006/relationships/image" Target="../media/image12.emf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3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jpeg"/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7" Type="http://schemas.openxmlformats.org/officeDocument/2006/relationships/image" Target="../media/image9.emf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emf"/><Relationship Id="rId5" Type="http://schemas.openxmlformats.org/officeDocument/2006/relationships/image" Target="../media/image7.emf"/><Relationship Id="rId4" Type="http://schemas.openxmlformats.org/officeDocument/2006/relationships/image" Target="../media/image6.emf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emf"/><Relationship Id="rId13" Type="http://schemas.openxmlformats.org/officeDocument/2006/relationships/image" Target="../media/image12.emf"/><Relationship Id="rId18" Type="http://schemas.openxmlformats.org/officeDocument/2006/relationships/image" Target="../media/image20.emf"/><Relationship Id="rId3" Type="http://schemas.openxmlformats.org/officeDocument/2006/relationships/image" Target="../media/image1.emf"/><Relationship Id="rId21" Type="http://schemas.openxmlformats.org/officeDocument/2006/relationships/image" Target="../media/image14.emf"/><Relationship Id="rId7" Type="http://schemas.openxmlformats.org/officeDocument/2006/relationships/image" Target="../media/image5.emf"/><Relationship Id="rId12" Type="http://schemas.openxmlformats.org/officeDocument/2006/relationships/image" Target="../media/image11.emf"/><Relationship Id="rId17" Type="http://schemas.openxmlformats.org/officeDocument/2006/relationships/image" Target="../media/image19.emf"/><Relationship Id="rId2" Type="http://schemas.openxmlformats.org/officeDocument/2006/relationships/notesSlide" Target="../notesSlides/notesSlide9.xml"/><Relationship Id="rId16" Type="http://schemas.openxmlformats.org/officeDocument/2006/relationships/image" Target="../media/image18.emf"/><Relationship Id="rId20" Type="http://schemas.openxmlformats.org/officeDocument/2006/relationships/image" Target="../media/image22.emf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emf"/><Relationship Id="rId11" Type="http://schemas.openxmlformats.org/officeDocument/2006/relationships/image" Target="../media/image10.emf"/><Relationship Id="rId5" Type="http://schemas.openxmlformats.org/officeDocument/2006/relationships/image" Target="../media/image3.emf"/><Relationship Id="rId15" Type="http://schemas.openxmlformats.org/officeDocument/2006/relationships/image" Target="../media/image17.emf"/><Relationship Id="rId10" Type="http://schemas.openxmlformats.org/officeDocument/2006/relationships/image" Target="../media/image9.emf"/><Relationship Id="rId19" Type="http://schemas.openxmlformats.org/officeDocument/2006/relationships/image" Target="../media/image21.emf"/><Relationship Id="rId4" Type="http://schemas.openxmlformats.org/officeDocument/2006/relationships/image" Target="../media/image2.emf"/><Relationship Id="rId9" Type="http://schemas.openxmlformats.org/officeDocument/2006/relationships/image" Target="../media/image8.emf"/><Relationship Id="rId14" Type="http://schemas.openxmlformats.org/officeDocument/2006/relationships/image" Target="../media/image13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5" name="图片 14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238285" y="1835555"/>
            <a:ext cx="1048307" cy="1483454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pic>
        <p:nvPicPr>
          <p:cNvPr id="6" name="图片 5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489889" y="1306542"/>
            <a:ext cx="4056353" cy="4707892"/>
          </a:xfrm>
          <a:prstGeom prst="rect">
            <a:avLst/>
          </a:prstGeom>
        </p:spPr>
      </p:pic>
      <p:sp>
        <p:nvSpPr>
          <p:cNvPr id="22" name="文本框 21"/>
          <p:cNvSpPr txBox="1"/>
          <p:nvPr/>
        </p:nvSpPr>
        <p:spPr>
          <a:xfrm>
            <a:off x="5220544" y="1120725"/>
            <a:ext cx="5186213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2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CARTOON CHILDREN'S EDUCATION AND TEACHING</a:t>
            </a:r>
          </a:p>
        </p:txBody>
      </p:sp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2" name="Lenka-The Show">
            <a:hlinkClick r:id="" action="ppaction://media"/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20"/>
          <a:stretch>
            <a:fillRect/>
          </a:stretch>
        </p:blipFill>
        <p:spPr>
          <a:xfrm>
            <a:off x="6846493" y="-898861"/>
            <a:ext cx="609600" cy="609600"/>
          </a:xfrm>
          <a:prstGeom prst="rect">
            <a:avLst/>
          </a:prstGeom>
        </p:spPr>
      </p:pic>
      <p:cxnSp>
        <p:nvCxnSpPr>
          <p:cNvPr id="28" name="直接连接符 2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7567028" y="-9916"/>
            <a:ext cx="0" cy="4680000"/>
          </a:xfrm>
          <a:prstGeom prst="line">
            <a:avLst/>
          </a:prstGeom>
          <a:ln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文本框 28"/>
          <p:cNvSpPr txBox="1"/>
          <p:nvPr/>
        </p:nvSpPr>
        <p:spPr>
          <a:xfrm>
            <a:off x="5413680" y="2452434"/>
            <a:ext cx="4469493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20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Click here to enter your subtitle</a:t>
            </a:r>
          </a:p>
        </p:txBody>
      </p:sp>
    </p:spTree>
    <p:extLst>
      <p:ext uri="{BB962C8B-B14F-4D97-AF65-F5344CB8AC3E}">
        <p14:creationId xmlns:p14="http://schemas.microsoft.com/office/powerpoint/2010/main" val="2451589710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 advClick="0" advTm="0">
        <p15:prstTrans prst="drap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  <p:par>
                                <p:cTn id="7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000"/>
                            </p:stCondLst>
                            <p:childTnLst>
                              <p:par>
                                <p:cTn id="21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4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2" fill="hold">
                            <p:stCondLst>
                              <p:cond delay="4250"/>
                            </p:stCondLst>
                            <p:childTnLst>
                              <p:par>
                                <p:cTn id="53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8" fill="hold">
                            <p:stCondLst>
                              <p:cond delay="5250"/>
                            </p:stCondLst>
                            <p:childTnLst>
                              <p:par>
                                <p:cTn id="5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5750"/>
                            </p:stCondLst>
                            <p:childTnLst>
                              <p:par>
                                <p:cTn id="69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71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72" dur="34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4" dur="117" decel="50000" autoRev="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5" dur="102" fill="hold">
                                          <p:stCondLst>
                                            <p:cond delay="648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20000"/>
                            </p:stCondLst>
                            <p:childTnLst>
                              <p:par>
                                <p:cTn id="7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9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0" fill="hold">
                            <p:stCondLst>
                              <p:cond delay="20500"/>
                            </p:stCondLst>
                            <p:childTnLst>
                              <p:par>
                                <p:cTn id="8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3" dur="1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4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5" dur="900" decel="100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>
              <p:cMediaNode vol="80000" numSld="999" showWhenStopped="0">
                <p:cTn id="87" repeatCount="indefinite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  <p:bldLst>
      <p:bldP spid="22" grpId="0"/>
      <p:bldP spid="29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Shape 6891"/>
          <p:cNvSpPr/>
          <p:nvPr/>
        </p:nvSpPr>
        <p:spPr>
          <a:xfrm flipH="1">
            <a:off x="7065525" y="3149695"/>
            <a:ext cx="1362527" cy="1362320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3507" y="0"/>
                </a:moveTo>
                <a:cubicBezTo>
                  <a:pt x="0" y="0"/>
                  <a:pt x="0" y="0"/>
                  <a:pt x="0" y="0"/>
                </a:cubicBezTo>
                <a:cubicBezTo>
                  <a:pt x="0" y="13507"/>
                  <a:pt x="0" y="13507"/>
                  <a:pt x="0" y="13507"/>
                </a:cubicBezTo>
                <a:cubicBezTo>
                  <a:pt x="0" y="17978"/>
                  <a:pt x="3622" y="21600"/>
                  <a:pt x="8112" y="21600"/>
                </a:cubicBezTo>
                <a:cubicBezTo>
                  <a:pt x="21600" y="21600"/>
                  <a:pt x="21600" y="21600"/>
                  <a:pt x="21600" y="21600"/>
                </a:cubicBezTo>
                <a:cubicBezTo>
                  <a:pt x="21600" y="8112"/>
                  <a:pt x="21600" y="8112"/>
                  <a:pt x="21600" y="8112"/>
                </a:cubicBezTo>
                <a:cubicBezTo>
                  <a:pt x="21600" y="3622"/>
                  <a:pt x="17978" y="0"/>
                  <a:pt x="13507" y="0"/>
                </a:cubicBezTo>
                <a:close/>
              </a:path>
            </a:pathLst>
          </a:custGeom>
          <a:solidFill>
            <a:srgbClr val="E0E0E0">
              <a:alpha val="15000"/>
            </a:srgbClr>
          </a:solidFill>
          <a:ln>
            <a:round/>
          </a:ln>
        </p:spPr>
        <p:txBody>
          <a:bodyPr lIns="0" tIns="0" rIns="0" bIns="0"/>
          <a:lstStyle/>
          <a:p>
            <a:pPr lvl="0">
              <a:buClrTx/>
            </a:pPr>
            <a:endParaRPr sz="2400">
              <a:latin typeface="+mn-ea"/>
            </a:endParaRPr>
          </a:p>
        </p:txBody>
      </p:sp>
      <p:sp>
        <p:nvSpPr>
          <p:cNvPr id="16" name="Shape 6914"/>
          <p:cNvSpPr/>
          <p:nvPr/>
        </p:nvSpPr>
        <p:spPr>
          <a:xfrm>
            <a:off x="3889143" y="1961343"/>
            <a:ext cx="2365896" cy="2150175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3095" y="18391"/>
                </a:moveTo>
                <a:cubicBezTo>
                  <a:pt x="2131" y="18465"/>
                  <a:pt x="1144" y="18588"/>
                  <a:pt x="224" y="18761"/>
                </a:cubicBezTo>
                <a:cubicBezTo>
                  <a:pt x="90" y="19699"/>
                  <a:pt x="22" y="20637"/>
                  <a:pt x="0" y="21600"/>
                </a:cubicBezTo>
                <a:cubicBezTo>
                  <a:pt x="3701" y="21600"/>
                  <a:pt x="3701" y="21600"/>
                  <a:pt x="3701" y="21600"/>
                </a:cubicBezTo>
                <a:cubicBezTo>
                  <a:pt x="4060" y="20168"/>
                  <a:pt x="5249" y="19156"/>
                  <a:pt x="6639" y="19156"/>
                </a:cubicBezTo>
                <a:cubicBezTo>
                  <a:pt x="8030" y="19156"/>
                  <a:pt x="9219" y="20168"/>
                  <a:pt x="9600" y="21600"/>
                </a:cubicBezTo>
                <a:cubicBezTo>
                  <a:pt x="10273" y="21600"/>
                  <a:pt x="10273" y="21600"/>
                  <a:pt x="10273" y="21600"/>
                </a:cubicBezTo>
                <a:cubicBezTo>
                  <a:pt x="10295" y="20711"/>
                  <a:pt x="10430" y="19847"/>
                  <a:pt x="10654" y="18983"/>
                </a:cubicBezTo>
                <a:cubicBezTo>
                  <a:pt x="11125" y="17206"/>
                  <a:pt x="12045" y="15552"/>
                  <a:pt x="13279" y="14268"/>
                </a:cubicBezTo>
                <a:cubicBezTo>
                  <a:pt x="14467" y="12960"/>
                  <a:pt x="16015" y="12096"/>
                  <a:pt x="17675" y="11602"/>
                </a:cubicBezTo>
                <a:cubicBezTo>
                  <a:pt x="18258" y="11454"/>
                  <a:pt x="18841" y="11380"/>
                  <a:pt x="19447" y="11331"/>
                </a:cubicBezTo>
                <a:cubicBezTo>
                  <a:pt x="19447" y="9183"/>
                  <a:pt x="19447" y="9183"/>
                  <a:pt x="19447" y="9183"/>
                </a:cubicBezTo>
                <a:cubicBezTo>
                  <a:pt x="19828" y="9109"/>
                  <a:pt x="19828" y="9109"/>
                  <a:pt x="19828" y="9109"/>
                </a:cubicBezTo>
                <a:cubicBezTo>
                  <a:pt x="20860" y="8912"/>
                  <a:pt x="21600" y="7949"/>
                  <a:pt x="21600" y="6764"/>
                </a:cubicBezTo>
                <a:cubicBezTo>
                  <a:pt x="21600" y="5579"/>
                  <a:pt x="20860" y="4592"/>
                  <a:pt x="19828" y="4394"/>
                </a:cubicBezTo>
                <a:cubicBezTo>
                  <a:pt x="19447" y="4320"/>
                  <a:pt x="19447" y="4320"/>
                  <a:pt x="19447" y="4320"/>
                </a:cubicBezTo>
                <a:cubicBezTo>
                  <a:pt x="19447" y="0"/>
                  <a:pt x="19447" y="0"/>
                  <a:pt x="19447" y="0"/>
                </a:cubicBezTo>
                <a:cubicBezTo>
                  <a:pt x="18931" y="25"/>
                  <a:pt x="18437" y="49"/>
                  <a:pt x="17921" y="123"/>
                </a:cubicBezTo>
                <a:cubicBezTo>
                  <a:pt x="17720" y="1185"/>
                  <a:pt x="17563" y="2197"/>
                  <a:pt x="17450" y="3259"/>
                </a:cubicBezTo>
                <a:cubicBezTo>
                  <a:pt x="15880" y="3579"/>
                  <a:pt x="15880" y="3579"/>
                  <a:pt x="15880" y="3579"/>
                </a:cubicBezTo>
                <a:cubicBezTo>
                  <a:pt x="14355" y="4098"/>
                  <a:pt x="14355" y="4098"/>
                  <a:pt x="14355" y="4098"/>
                </a:cubicBezTo>
                <a:cubicBezTo>
                  <a:pt x="13817" y="3209"/>
                  <a:pt x="13234" y="2370"/>
                  <a:pt x="12628" y="1555"/>
                </a:cubicBezTo>
                <a:cubicBezTo>
                  <a:pt x="11080" y="2197"/>
                  <a:pt x="9622" y="3110"/>
                  <a:pt x="8277" y="4172"/>
                </a:cubicBezTo>
                <a:cubicBezTo>
                  <a:pt x="8568" y="5159"/>
                  <a:pt x="8905" y="6171"/>
                  <a:pt x="9286" y="7134"/>
                </a:cubicBezTo>
                <a:cubicBezTo>
                  <a:pt x="8882" y="7529"/>
                  <a:pt x="8456" y="7875"/>
                  <a:pt x="8075" y="8294"/>
                </a:cubicBezTo>
                <a:cubicBezTo>
                  <a:pt x="7716" y="8714"/>
                  <a:pt x="7312" y="9109"/>
                  <a:pt x="6976" y="9578"/>
                </a:cubicBezTo>
                <a:cubicBezTo>
                  <a:pt x="6123" y="9134"/>
                  <a:pt x="5226" y="8714"/>
                  <a:pt x="4329" y="8319"/>
                </a:cubicBezTo>
                <a:cubicBezTo>
                  <a:pt x="3297" y="9751"/>
                  <a:pt x="2422" y="11331"/>
                  <a:pt x="1750" y="12985"/>
                </a:cubicBezTo>
                <a:cubicBezTo>
                  <a:pt x="2490" y="13701"/>
                  <a:pt x="3230" y="14367"/>
                  <a:pt x="3993" y="15009"/>
                </a:cubicBezTo>
                <a:cubicBezTo>
                  <a:pt x="3746" y="15552"/>
                  <a:pt x="3634" y="16120"/>
                  <a:pt x="3454" y="16663"/>
                </a:cubicBezTo>
                <a:cubicBezTo>
                  <a:pt x="3275" y="17231"/>
                  <a:pt x="3207" y="17798"/>
                  <a:pt x="3095" y="18391"/>
                </a:cubicBezTo>
                <a:close/>
              </a:path>
            </a:pathLst>
          </a:custGeom>
          <a:solidFill>
            <a:srgbClr val="80AD31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17" name="Shape 6915"/>
          <p:cNvSpPr/>
          <p:nvPr/>
        </p:nvSpPr>
        <p:spPr>
          <a:xfrm>
            <a:off x="6116571" y="1961342"/>
            <a:ext cx="2145376" cy="2386045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0" y="3181"/>
                </a:moveTo>
                <a:cubicBezTo>
                  <a:pt x="1410" y="3559"/>
                  <a:pt x="2375" y="4738"/>
                  <a:pt x="2375" y="6095"/>
                </a:cubicBezTo>
                <a:cubicBezTo>
                  <a:pt x="2375" y="7452"/>
                  <a:pt x="1410" y="8609"/>
                  <a:pt x="0" y="9009"/>
                </a:cubicBezTo>
                <a:cubicBezTo>
                  <a:pt x="0" y="10188"/>
                  <a:pt x="0" y="10188"/>
                  <a:pt x="0" y="10188"/>
                </a:cubicBezTo>
                <a:cubicBezTo>
                  <a:pt x="866" y="10233"/>
                  <a:pt x="1732" y="10344"/>
                  <a:pt x="2573" y="10566"/>
                </a:cubicBezTo>
                <a:cubicBezTo>
                  <a:pt x="4379" y="11034"/>
                  <a:pt x="6037" y="11946"/>
                  <a:pt x="7324" y="13169"/>
                </a:cubicBezTo>
                <a:cubicBezTo>
                  <a:pt x="8635" y="14370"/>
                  <a:pt x="9501" y="15883"/>
                  <a:pt x="9971" y="17529"/>
                </a:cubicBezTo>
                <a:cubicBezTo>
                  <a:pt x="10120" y="18130"/>
                  <a:pt x="10219" y="18753"/>
                  <a:pt x="10268" y="19375"/>
                </a:cubicBezTo>
                <a:cubicBezTo>
                  <a:pt x="12767" y="19375"/>
                  <a:pt x="12767" y="19375"/>
                  <a:pt x="12767" y="19375"/>
                </a:cubicBezTo>
                <a:cubicBezTo>
                  <a:pt x="12841" y="19754"/>
                  <a:pt x="12841" y="19754"/>
                  <a:pt x="12841" y="19754"/>
                </a:cubicBezTo>
                <a:cubicBezTo>
                  <a:pt x="13014" y="20821"/>
                  <a:pt x="14029" y="21600"/>
                  <a:pt x="15216" y="21600"/>
                </a:cubicBezTo>
                <a:cubicBezTo>
                  <a:pt x="16404" y="21600"/>
                  <a:pt x="17394" y="20821"/>
                  <a:pt x="17592" y="19776"/>
                </a:cubicBezTo>
                <a:cubicBezTo>
                  <a:pt x="17641" y="19375"/>
                  <a:pt x="17641" y="19375"/>
                  <a:pt x="17641" y="19375"/>
                </a:cubicBezTo>
                <a:cubicBezTo>
                  <a:pt x="21600" y="19375"/>
                  <a:pt x="21600" y="19375"/>
                  <a:pt x="21600" y="19375"/>
                </a:cubicBezTo>
                <a:cubicBezTo>
                  <a:pt x="21600" y="18842"/>
                  <a:pt x="21551" y="18308"/>
                  <a:pt x="21476" y="17774"/>
                </a:cubicBezTo>
                <a:cubicBezTo>
                  <a:pt x="20437" y="17596"/>
                  <a:pt x="19423" y="17418"/>
                  <a:pt x="18359" y="17307"/>
                </a:cubicBezTo>
                <a:cubicBezTo>
                  <a:pt x="18012" y="15750"/>
                  <a:pt x="18012" y="15750"/>
                  <a:pt x="18012" y="15750"/>
                </a:cubicBezTo>
                <a:cubicBezTo>
                  <a:pt x="17518" y="14237"/>
                  <a:pt x="17518" y="14237"/>
                  <a:pt x="17518" y="14237"/>
                </a:cubicBezTo>
                <a:cubicBezTo>
                  <a:pt x="18408" y="13703"/>
                  <a:pt x="19225" y="13125"/>
                  <a:pt x="20066" y="12524"/>
                </a:cubicBezTo>
                <a:cubicBezTo>
                  <a:pt x="19423" y="10989"/>
                  <a:pt x="18482" y="9543"/>
                  <a:pt x="17443" y="8208"/>
                </a:cubicBezTo>
                <a:cubicBezTo>
                  <a:pt x="16429" y="8498"/>
                  <a:pt x="15414" y="8854"/>
                  <a:pt x="14449" y="9209"/>
                </a:cubicBezTo>
                <a:cubicBezTo>
                  <a:pt x="14078" y="8809"/>
                  <a:pt x="13732" y="8386"/>
                  <a:pt x="13287" y="8008"/>
                </a:cubicBezTo>
                <a:cubicBezTo>
                  <a:pt x="12866" y="7652"/>
                  <a:pt x="12470" y="7252"/>
                  <a:pt x="12000" y="6918"/>
                </a:cubicBezTo>
                <a:cubicBezTo>
                  <a:pt x="12470" y="6073"/>
                  <a:pt x="12891" y="5183"/>
                  <a:pt x="13262" y="4293"/>
                </a:cubicBezTo>
                <a:cubicBezTo>
                  <a:pt x="11827" y="3270"/>
                  <a:pt x="10268" y="2402"/>
                  <a:pt x="8586" y="1735"/>
                </a:cubicBezTo>
                <a:cubicBezTo>
                  <a:pt x="7868" y="2469"/>
                  <a:pt x="7200" y="3203"/>
                  <a:pt x="6581" y="3960"/>
                </a:cubicBezTo>
                <a:cubicBezTo>
                  <a:pt x="6037" y="3737"/>
                  <a:pt x="5468" y="3604"/>
                  <a:pt x="4899" y="3426"/>
                </a:cubicBezTo>
                <a:cubicBezTo>
                  <a:pt x="4355" y="3270"/>
                  <a:pt x="3761" y="3181"/>
                  <a:pt x="3192" y="3070"/>
                </a:cubicBezTo>
                <a:cubicBezTo>
                  <a:pt x="3093" y="2113"/>
                  <a:pt x="2994" y="1135"/>
                  <a:pt x="2796" y="200"/>
                </a:cubicBezTo>
                <a:cubicBezTo>
                  <a:pt x="1880" y="111"/>
                  <a:pt x="940" y="22"/>
                  <a:pt x="0" y="0"/>
                </a:cubicBezTo>
                <a:lnTo>
                  <a:pt x="0" y="3181"/>
                </a:lnTo>
                <a:close/>
              </a:path>
            </a:pathLst>
          </a:custGeom>
          <a:solidFill>
            <a:srgbClr val="FEBC30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18" name="Shape 6916"/>
          <p:cNvSpPr/>
          <p:nvPr/>
        </p:nvSpPr>
        <p:spPr>
          <a:xfrm>
            <a:off x="3889144" y="3967943"/>
            <a:ext cx="2129989" cy="2367244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21600" y="18530"/>
                </a:moveTo>
                <a:cubicBezTo>
                  <a:pt x="20205" y="18127"/>
                  <a:pt x="19233" y="16984"/>
                  <a:pt x="19233" y="15595"/>
                </a:cubicBezTo>
                <a:cubicBezTo>
                  <a:pt x="19233" y="14228"/>
                  <a:pt x="20205" y="13063"/>
                  <a:pt x="21600" y="12682"/>
                </a:cubicBezTo>
                <a:cubicBezTo>
                  <a:pt x="21600" y="11338"/>
                  <a:pt x="21600" y="11338"/>
                  <a:pt x="21600" y="11338"/>
                </a:cubicBezTo>
                <a:cubicBezTo>
                  <a:pt x="20778" y="11293"/>
                  <a:pt x="19956" y="11181"/>
                  <a:pt x="19158" y="10957"/>
                </a:cubicBezTo>
                <a:cubicBezTo>
                  <a:pt x="17365" y="10486"/>
                  <a:pt x="15696" y="9590"/>
                  <a:pt x="14400" y="8358"/>
                </a:cubicBezTo>
                <a:cubicBezTo>
                  <a:pt x="13080" y="7148"/>
                  <a:pt x="12208" y="5602"/>
                  <a:pt x="11709" y="3966"/>
                </a:cubicBezTo>
                <a:cubicBezTo>
                  <a:pt x="11560" y="3383"/>
                  <a:pt x="11485" y="2801"/>
                  <a:pt x="11435" y="2218"/>
                </a:cubicBezTo>
                <a:cubicBezTo>
                  <a:pt x="9841" y="2218"/>
                  <a:pt x="9841" y="2218"/>
                  <a:pt x="9841" y="2218"/>
                </a:cubicBezTo>
                <a:cubicBezTo>
                  <a:pt x="9766" y="1837"/>
                  <a:pt x="9766" y="1837"/>
                  <a:pt x="9766" y="1837"/>
                </a:cubicBezTo>
                <a:cubicBezTo>
                  <a:pt x="9592" y="784"/>
                  <a:pt x="8570" y="0"/>
                  <a:pt x="7374" y="0"/>
                </a:cubicBezTo>
                <a:cubicBezTo>
                  <a:pt x="6179" y="0"/>
                  <a:pt x="5182" y="784"/>
                  <a:pt x="4983" y="1837"/>
                </a:cubicBezTo>
                <a:cubicBezTo>
                  <a:pt x="4933" y="2218"/>
                  <a:pt x="4933" y="2218"/>
                  <a:pt x="4933" y="2218"/>
                </a:cubicBezTo>
                <a:cubicBezTo>
                  <a:pt x="0" y="2218"/>
                  <a:pt x="0" y="2218"/>
                  <a:pt x="0" y="2218"/>
                </a:cubicBezTo>
                <a:cubicBezTo>
                  <a:pt x="25" y="2711"/>
                  <a:pt x="75" y="3204"/>
                  <a:pt x="125" y="3697"/>
                </a:cubicBezTo>
                <a:cubicBezTo>
                  <a:pt x="1196" y="3899"/>
                  <a:pt x="2217" y="4056"/>
                  <a:pt x="3289" y="4168"/>
                </a:cubicBezTo>
                <a:cubicBezTo>
                  <a:pt x="3612" y="5736"/>
                  <a:pt x="3612" y="5736"/>
                  <a:pt x="3612" y="5736"/>
                </a:cubicBezTo>
                <a:cubicBezTo>
                  <a:pt x="4111" y="7260"/>
                  <a:pt x="4111" y="7260"/>
                  <a:pt x="4111" y="7260"/>
                </a:cubicBezTo>
                <a:cubicBezTo>
                  <a:pt x="3239" y="7820"/>
                  <a:pt x="2392" y="8380"/>
                  <a:pt x="1570" y="8985"/>
                </a:cubicBezTo>
                <a:cubicBezTo>
                  <a:pt x="2217" y="10554"/>
                  <a:pt x="3139" y="11988"/>
                  <a:pt x="4210" y="13354"/>
                </a:cubicBezTo>
                <a:cubicBezTo>
                  <a:pt x="5207" y="13063"/>
                  <a:pt x="6228" y="12705"/>
                  <a:pt x="7200" y="12324"/>
                </a:cubicBezTo>
                <a:cubicBezTo>
                  <a:pt x="7599" y="12727"/>
                  <a:pt x="7947" y="13175"/>
                  <a:pt x="8371" y="13534"/>
                </a:cubicBezTo>
                <a:cubicBezTo>
                  <a:pt x="8794" y="13915"/>
                  <a:pt x="9193" y="14318"/>
                  <a:pt x="9666" y="14632"/>
                </a:cubicBezTo>
                <a:cubicBezTo>
                  <a:pt x="9218" y="15505"/>
                  <a:pt x="8794" y="16379"/>
                  <a:pt x="8421" y="17298"/>
                </a:cubicBezTo>
                <a:cubicBezTo>
                  <a:pt x="9841" y="18329"/>
                  <a:pt x="11435" y="19180"/>
                  <a:pt x="13104" y="19852"/>
                </a:cubicBezTo>
                <a:cubicBezTo>
                  <a:pt x="13827" y="19135"/>
                  <a:pt x="14500" y="18396"/>
                  <a:pt x="15147" y="17634"/>
                </a:cubicBezTo>
                <a:cubicBezTo>
                  <a:pt x="15671" y="17858"/>
                  <a:pt x="16269" y="17970"/>
                  <a:pt x="16817" y="18149"/>
                </a:cubicBezTo>
                <a:cubicBezTo>
                  <a:pt x="17390" y="18329"/>
                  <a:pt x="17963" y="18418"/>
                  <a:pt x="18561" y="18530"/>
                </a:cubicBezTo>
                <a:cubicBezTo>
                  <a:pt x="18635" y="19494"/>
                  <a:pt x="18760" y="20457"/>
                  <a:pt x="18934" y="21398"/>
                </a:cubicBezTo>
                <a:cubicBezTo>
                  <a:pt x="19806" y="21510"/>
                  <a:pt x="20703" y="21578"/>
                  <a:pt x="21600" y="21600"/>
                </a:cubicBezTo>
                <a:lnTo>
                  <a:pt x="21600" y="18530"/>
                </a:lnTo>
                <a:close/>
              </a:path>
            </a:pathLst>
          </a:custGeom>
          <a:solidFill>
            <a:srgbClr val="FF6680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19" name="Shape 6917"/>
          <p:cNvSpPr/>
          <p:nvPr/>
        </p:nvSpPr>
        <p:spPr>
          <a:xfrm>
            <a:off x="5880666" y="4200396"/>
            <a:ext cx="2381281" cy="2134793"/>
          </a:xfrm>
          <a:custGeom>
            <a:avLst/>
            <a:gdLst/>
            <a:ahLst/>
            <a:cxnLst>
              <a:cxn ang="0">
                <a:pos x="wd2" y="hd2"/>
              </a:cxn>
              <a:cxn ang="5400000">
                <a:pos x="wd2" y="hd2"/>
              </a:cxn>
              <a:cxn ang="10800000">
                <a:pos x="wd2" y="hd2"/>
              </a:cxn>
              <a:cxn ang="16200000">
                <a:pos x="wd2" y="hd2"/>
              </a:cxn>
            </a:cxnLst>
            <a:rect l="0" t="0" r="r" b="b"/>
            <a:pathLst>
              <a:path w="21600" h="21600" extrusionOk="0">
                <a:moveTo>
                  <a:pt x="18546" y="3107"/>
                </a:moveTo>
                <a:cubicBezTo>
                  <a:pt x="19482" y="3008"/>
                  <a:pt x="20463" y="2908"/>
                  <a:pt x="21399" y="2734"/>
                </a:cubicBezTo>
                <a:cubicBezTo>
                  <a:pt x="21511" y="1814"/>
                  <a:pt x="21578" y="920"/>
                  <a:pt x="21600" y="0"/>
                </a:cubicBezTo>
                <a:cubicBezTo>
                  <a:pt x="18769" y="0"/>
                  <a:pt x="18769" y="0"/>
                  <a:pt x="18769" y="0"/>
                </a:cubicBezTo>
                <a:cubicBezTo>
                  <a:pt x="18412" y="1491"/>
                  <a:pt x="17231" y="2461"/>
                  <a:pt x="15849" y="2461"/>
                </a:cubicBezTo>
                <a:cubicBezTo>
                  <a:pt x="14467" y="2461"/>
                  <a:pt x="13285" y="1491"/>
                  <a:pt x="12907" y="0"/>
                </a:cubicBezTo>
                <a:cubicBezTo>
                  <a:pt x="11391" y="0"/>
                  <a:pt x="11391" y="0"/>
                  <a:pt x="11391" y="0"/>
                </a:cubicBezTo>
                <a:cubicBezTo>
                  <a:pt x="11346" y="845"/>
                  <a:pt x="11235" y="1665"/>
                  <a:pt x="11012" y="2486"/>
                </a:cubicBezTo>
                <a:cubicBezTo>
                  <a:pt x="10544" y="4300"/>
                  <a:pt x="9630" y="5941"/>
                  <a:pt x="8426" y="7258"/>
                </a:cubicBezTo>
                <a:cubicBezTo>
                  <a:pt x="7222" y="8575"/>
                  <a:pt x="5684" y="9445"/>
                  <a:pt x="4057" y="9942"/>
                </a:cubicBezTo>
                <a:cubicBezTo>
                  <a:pt x="3433" y="10092"/>
                  <a:pt x="2786" y="10191"/>
                  <a:pt x="2140" y="10216"/>
                </a:cubicBezTo>
                <a:cubicBezTo>
                  <a:pt x="2140" y="12503"/>
                  <a:pt x="2140" y="12503"/>
                  <a:pt x="2140" y="12503"/>
                </a:cubicBezTo>
                <a:cubicBezTo>
                  <a:pt x="1761" y="12577"/>
                  <a:pt x="1761" y="12577"/>
                  <a:pt x="1761" y="12577"/>
                </a:cubicBezTo>
                <a:cubicBezTo>
                  <a:pt x="736" y="12801"/>
                  <a:pt x="0" y="13770"/>
                  <a:pt x="0" y="14939"/>
                </a:cubicBezTo>
                <a:cubicBezTo>
                  <a:pt x="0" y="16132"/>
                  <a:pt x="736" y="17101"/>
                  <a:pt x="1761" y="17325"/>
                </a:cubicBezTo>
                <a:cubicBezTo>
                  <a:pt x="2140" y="17399"/>
                  <a:pt x="2140" y="17399"/>
                  <a:pt x="2140" y="17399"/>
                </a:cubicBezTo>
                <a:cubicBezTo>
                  <a:pt x="2140" y="21600"/>
                  <a:pt x="2140" y="21600"/>
                  <a:pt x="2140" y="21600"/>
                </a:cubicBezTo>
                <a:cubicBezTo>
                  <a:pt x="2697" y="21600"/>
                  <a:pt x="3254" y="21550"/>
                  <a:pt x="3789" y="21476"/>
                </a:cubicBezTo>
                <a:cubicBezTo>
                  <a:pt x="3990" y="20432"/>
                  <a:pt x="4146" y="19413"/>
                  <a:pt x="4258" y="18344"/>
                </a:cubicBezTo>
                <a:cubicBezTo>
                  <a:pt x="5818" y="18021"/>
                  <a:pt x="5818" y="18021"/>
                  <a:pt x="5818" y="18021"/>
                </a:cubicBezTo>
                <a:cubicBezTo>
                  <a:pt x="7356" y="17499"/>
                  <a:pt x="7356" y="17499"/>
                  <a:pt x="7356" y="17499"/>
                </a:cubicBezTo>
                <a:cubicBezTo>
                  <a:pt x="7891" y="18394"/>
                  <a:pt x="8448" y="19214"/>
                  <a:pt x="9050" y="20059"/>
                </a:cubicBezTo>
                <a:cubicBezTo>
                  <a:pt x="10611" y="19413"/>
                  <a:pt x="12037" y="18468"/>
                  <a:pt x="13397" y="17424"/>
                </a:cubicBezTo>
                <a:cubicBezTo>
                  <a:pt x="13107" y="16405"/>
                  <a:pt x="12750" y="15386"/>
                  <a:pt x="12372" y="14417"/>
                </a:cubicBezTo>
                <a:cubicBezTo>
                  <a:pt x="12773" y="14044"/>
                  <a:pt x="13219" y="13696"/>
                  <a:pt x="13575" y="13248"/>
                </a:cubicBezTo>
                <a:cubicBezTo>
                  <a:pt x="13954" y="12826"/>
                  <a:pt x="14355" y="12453"/>
                  <a:pt x="14667" y="11981"/>
                </a:cubicBezTo>
                <a:cubicBezTo>
                  <a:pt x="15515" y="12428"/>
                  <a:pt x="16406" y="12826"/>
                  <a:pt x="17320" y="13223"/>
                </a:cubicBezTo>
                <a:cubicBezTo>
                  <a:pt x="18346" y="11782"/>
                  <a:pt x="19193" y="10216"/>
                  <a:pt x="19861" y="8526"/>
                </a:cubicBezTo>
                <a:cubicBezTo>
                  <a:pt x="19148" y="7805"/>
                  <a:pt x="18412" y="7134"/>
                  <a:pt x="17654" y="6512"/>
                </a:cubicBezTo>
                <a:cubicBezTo>
                  <a:pt x="17877" y="5965"/>
                  <a:pt x="17989" y="5394"/>
                  <a:pt x="18167" y="4822"/>
                </a:cubicBezTo>
                <a:cubicBezTo>
                  <a:pt x="18346" y="4275"/>
                  <a:pt x="18412" y="3679"/>
                  <a:pt x="18546" y="3107"/>
                </a:cubicBezTo>
                <a:close/>
              </a:path>
            </a:pathLst>
          </a:custGeom>
          <a:solidFill>
            <a:srgbClr val="A883BD"/>
          </a:solidFill>
          <a:ln>
            <a:round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0" name="Shape 6929"/>
          <p:cNvSpPr/>
          <p:nvPr/>
        </p:nvSpPr>
        <p:spPr>
          <a:xfrm flipH="1">
            <a:off x="8428052" y="5203129"/>
            <a:ext cx="968183" cy="1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1" name="Freeform 41"/>
          <p:cNvSpPr>
            <a:spLocks noEditPoints="1"/>
          </p:cNvSpPr>
          <p:nvPr/>
        </p:nvSpPr>
        <p:spPr bwMode="auto">
          <a:xfrm>
            <a:off x="5441435" y="3580498"/>
            <a:ext cx="1155396" cy="1051020"/>
          </a:xfrm>
          <a:custGeom>
            <a:avLst/>
            <a:gdLst>
              <a:gd name="T0" fmla="*/ 2147483647 w 67"/>
              <a:gd name="T1" fmla="*/ 124018912 h 60"/>
              <a:gd name="T2" fmla="*/ 2147483647 w 67"/>
              <a:gd name="T3" fmla="*/ 0 h 60"/>
              <a:gd name="T4" fmla="*/ 2147483647 w 67"/>
              <a:gd name="T5" fmla="*/ 0 h 60"/>
              <a:gd name="T6" fmla="*/ 2147483647 w 67"/>
              <a:gd name="T7" fmla="*/ 124018912 h 60"/>
              <a:gd name="T8" fmla="*/ 2147483647 w 67"/>
              <a:gd name="T9" fmla="*/ 310059138 h 60"/>
              <a:gd name="T10" fmla="*/ 2147483647 w 67"/>
              <a:gd name="T11" fmla="*/ 868156039 h 60"/>
              <a:gd name="T12" fmla="*/ 2147483647 w 67"/>
              <a:gd name="T13" fmla="*/ 124018912 h 60"/>
              <a:gd name="T14" fmla="*/ 2147483647 w 67"/>
              <a:gd name="T15" fmla="*/ 1922344337 h 60"/>
              <a:gd name="T16" fmla="*/ 2147483647 w 67"/>
              <a:gd name="T17" fmla="*/ 124018912 h 60"/>
              <a:gd name="T18" fmla="*/ 1902898002 w 67"/>
              <a:gd name="T19" fmla="*/ 124018912 h 60"/>
              <a:gd name="T20" fmla="*/ 122771150 w 67"/>
              <a:gd name="T21" fmla="*/ 1922344337 h 60"/>
              <a:gd name="T22" fmla="*/ 122771150 w 67"/>
              <a:gd name="T23" fmla="*/ 2147483647 h 60"/>
              <a:gd name="T24" fmla="*/ 245534466 w 67"/>
              <a:gd name="T25" fmla="*/ 2147483647 h 60"/>
              <a:gd name="T26" fmla="*/ 429691207 w 67"/>
              <a:gd name="T27" fmla="*/ 2147483647 h 60"/>
              <a:gd name="T28" fmla="*/ 2087055172 w 67"/>
              <a:gd name="T29" fmla="*/ 558097024 h 60"/>
              <a:gd name="T30" fmla="*/ 2147483647 w 67"/>
              <a:gd name="T31" fmla="*/ 2147483647 h 60"/>
              <a:gd name="T32" fmla="*/ 2147483647 w 67"/>
              <a:gd name="T33" fmla="*/ 2147483647 h 60"/>
              <a:gd name="T34" fmla="*/ 2147483647 w 67"/>
              <a:gd name="T35" fmla="*/ 1922344337 h 60"/>
              <a:gd name="T36" fmla="*/ 552454614 w 67"/>
              <a:gd name="T37" fmla="*/ 2147483647 h 60"/>
              <a:gd name="T38" fmla="*/ 552454614 w 67"/>
              <a:gd name="T39" fmla="*/ 2147483647 h 60"/>
              <a:gd name="T40" fmla="*/ 797989019 w 67"/>
              <a:gd name="T41" fmla="*/ 2147483647 h 60"/>
              <a:gd name="T42" fmla="*/ 1718749157 w 67"/>
              <a:gd name="T43" fmla="*/ 2147483647 h 60"/>
              <a:gd name="T44" fmla="*/ 1718749157 w 67"/>
              <a:gd name="T45" fmla="*/ 2147483647 h 60"/>
              <a:gd name="T46" fmla="*/ 1780134717 w 67"/>
              <a:gd name="T47" fmla="*/ 2147483647 h 60"/>
              <a:gd name="T48" fmla="*/ 2147483647 w 67"/>
              <a:gd name="T49" fmla="*/ 2147483647 h 60"/>
              <a:gd name="T50" fmla="*/ 2147483647 w 67"/>
              <a:gd name="T51" fmla="*/ 2147483647 h 60"/>
              <a:gd name="T52" fmla="*/ 2147483647 w 67"/>
              <a:gd name="T53" fmla="*/ 2147483647 h 60"/>
              <a:gd name="T54" fmla="*/ 2147483647 w 67"/>
              <a:gd name="T55" fmla="*/ 2147483647 h 60"/>
              <a:gd name="T56" fmla="*/ 2147483647 w 67"/>
              <a:gd name="T57" fmla="*/ 2147483647 h 60"/>
              <a:gd name="T58" fmla="*/ 2147483647 w 67"/>
              <a:gd name="T59" fmla="*/ 2147483647 h 60"/>
              <a:gd name="T60" fmla="*/ 2087055172 w 67"/>
              <a:gd name="T61" fmla="*/ 806142661 h 60"/>
              <a:gd name="T62" fmla="*/ 552454614 w 67"/>
              <a:gd name="T63" fmla="*/ 2147483647 h 60"/>
              <a:gd name="T64" fmla="*/ 0 60000 65536"/>
              <a:gd name="T65" fmla="*/ 0 60000 65536"/>
              <a:gd name="T66" fmla="*/ 0 60000 65536"/>
              <a:gd name="T67" fmla="*/ 0 60000 65536"/>
              <a:gd name="T68" fmla="*/ 0 60000 65536"/>
              <a:gd name="T69" fmla="*/ 0 60000 65536"/>
              <a:gd name="T70" fmla="*/ 0 60000 65536"/>
              <a:gd name="T71" fmla="*/ 0 60000 65536"/>
              <a:gd name="T72" fmla="*/ 0 60000 65536"/>
              <a:gd name="T73" fmla="*/ 0 60000 65536"/>
              <a:gd name="T74" fmla="*/ 0 60000 65536"/>
              <a:gd name="T75" fmla="*/ 0 60000 65536"/>
              <a:gd name="T76" fmla="*/ 0 60000 65536"/>
              <a:gd name="T77" fmla="*/ 0 60000 65536"/>
              <a:gd name="T78" fmla="*/ 0 60000 65536"/>
              <a:gd name="T79" fmla="*/ 0 60000 65536"/>
              <a:gd name="T80" fmla="*/ 0 60000 65536"/>
              <a:gd name="T81" fmla="*/ 0 60000 65536"/>
              <a:gd name="T82" fmla="*/ 0 60000 65536"/>
              <a:gd name="T83" fmla="*/ 0 60000 65536"/>
              <a:gd name="T84" fmla="*/ 0 60000 65536"/>
              <a:gd name="T85" fmla="*/ 0 60000 65536"/>
              <a:gd name="T86" fmla="*/ 0 60000 65536"/>
              <a:gd name="T87" fmla="*/ 0 60000 65536"/>
              <a:gd name="T88" fmla="*/ 0 60000 65536"/>
              <a:gd name="T89" fmla="*/ 0 60000 65536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w 67"/>
              <a:gd name="T97" fmla="*/ 0 h 60"/>
              <a:gd name="T98" fmla="*/ 67 w 67"/>
              <a:gd name="T99" fmla="*/ 60 h 60"/>
            </a:gdLst>
            <a:ahLst/>
            <a:cxnLst>
              <a:cxn ang="T64">
                <a:pos x="T0" y="T1"/>
              </a:cxn>
              <a:cxn ang="T65">
                <a:pos x="T2" y="T3"/>
              </a:cxn>
              <a:cxn ang="T66">
                <a:pos x="T4" y="T5"/>
              </a:cxn>
              <a:cxn ang="T67">
                <a:pos x="T6" y="T7"/>
              </a:cxn>
              <a:cxn ang="T68">
                <a:pos x="T8" y="T9"/>
              </a:cxn>
              <a:cxn ang="T69">
                <a:pos x="T10" y="T11"/>
              </a:cxn>
              <a:cxn ang="T70">
                <a:pos x="T12" y="T13"/>
              </a:cxn>
              <a:cxn ang="T71">
                <a:pos x="T14" y="T15"/>
              </a:cxn>
              <a:cxn ang="T72">
                <a:pos x="T16" y="T17"/>
              </a:cxn>
              <a:cxn ang="T73">
                <a:pos x="T18" y="T19"/>
              </a:cxn>
              <a:cxn ang="T74">
                <a:pos x="T20" y="T21"/>
              </a:cxn>
              <a:cxn ang="T75">
                <a:pos x="T22" y="T23"/>
              </a:cxn>
              <a:cxn ang="T76">
                <a:pos x="T24" y="T25"/>
              </a:cxn>
              <a:cxn ang="T77">
                <a:pos x="T26" y="T27"/>
              </a:cxn>
              <a:cxn ang="T78">
                <a:pos x="T28" y="T29"/>
              </a:cxn>
              <a:cxn ang="T79">
                <a:pos x="T30" y="T31"/>
              </a:cxn>
              <a:cxn ang="T80">
                <a:pos x="T32" y="T33"/>
              </a:cxn>
              <a:cxn ang="T81">
                <a:pos x="T34" y="T35"/>
              </a:cxn>
              <a:cxn ang="T82">
                <a:pos x="T36" y="T37"/>
              </a:cxn>
              <a:cxn ang="T83">
                <a:pos x="T38" y="T39"/>
              </a:cxn>
              <a:cxn ang="T84">
                <a:pos x="T40" y="T41"/>
              </a:cxn>
              <a:cxn ang="T85">
                <a:pos x="T42" y="T43"/>
              </a:cxn>
              <a:cxn ang="T86">
                <a:pos x="T44" y="T45"/>
              </a:cxn>
              <a:cxn ang="T87">
                <a:pos x="T46" y="T47"/>
              </a:cxn>
              <a:cxn ang="T88">
                <a:pos x="T48" y="T49"/>
              </a:cxn>
              <a:cxn ang="T89">
                <a:pos x="T50" y="T51"/>
              </a:cxn>
              <a:cxn ang="T90">
                <a:pos x="T52" y="T53"/>
              </a:cxn>
              <a:cxn ang="T91">
                <a:pos x="T54" y="T55"/>
              </a:cxn>
              <a:cxn ang="T92">
                <a:pos x="T56" y="T57"/>
              </a:cxn>
              <a:cxn ang="T93">
                <a:pos x="T58" y="T59"/>
              </a:cxn>
              <a:cxn ang="T94">
                <a:pos x="T60" y="T61"/>
              </a:cxn>
              <a:cxn ang="T95">
                <a:pos x="T62" y="T63"/>
              </a:cxn>
            </a:cxnLst>
            <a:rect l="T96" t="T97" r="T98" b="T99"/>
            <a:pathLst>
              <a:path w="67" h="60">
                <a:moveTo>
                  <a:pt x="53" y="2"/>
                </a:moveTo>
                <a:cubicBezTo>
                  <a:pt x="53" y="1"/>
                  <a:pt x="52" y="0"/>
                  <a:pt x="51" y="0"/>
                </a:cubicBezTo>
                <a:cubicBezTo>
                  <a:pt x="46" y="0"/>
                  <a:pt x="46" y="0"/>
                  <a:pt x="46" y="0"/>
                </a:cubicBezTo>
                <a:cubicBezTo>
                  <a:pt x="45" y="0"/>
                  <a:pt x="44" y="1"/>
                  <a:pt x="44" y="2"/>
                </a:cubicBezTo>
                <a:cubicBezTo>
                  <a:pt x="44" y="5"/>
                  <a:pt x="44" y="5"/>
                  <a:pt x="44" y="5"/>
                </a:cubicBezTo>
                <a:cubicBezTo>
                  <a:pt x="53" y="14"/>
                  <a:pt x="53" y="14"/>
                  <a:pt x="53" y="14"/>
                </a:cubicBezTo>
                <a:lnTo>
                  <a:pt x="53" y="2"/>
                </a:lnTo>
                <a:close/>
                <a:moveTo>
                  <a:pt x="66" y="31"/>
                </a:moveTo>
                <a:cubicBezTo>
                  <a:pt x="36" y="2"/>
                  <a:pt x="36" y="2"/>
                  <a:pt x="36" y="2"/>
                </a:cubicBezTo>
                <a:cubicBezTo>
                  <a:pt x="35" y="0"/>
                  <a:pt x="33" y="0"/>
                  <a:pt x="31" y="2"/>
                </a:cubicBezTo>
                <a:cubicBezTo>
                  <a:pt x="2" y="31"/>
                  <a:pt x="2" y="31"/>
                  <a:pt x="2" y="31"/>
                </a:cubicBezTo>
                <a:cubicBezTo>
                  <a:pt x="0" y="33"/>
                  <a:pt x="0" y="35"/>
                  <a:pt x="2" y="36"/>
                </a:cubicBezTo>
                <a:cubicBezTo>
                  <a:pt x="2" y="37"/>
                  <a:pt x="3" y="37"/>
                  <a:pt x="4" y="37"/>
                </a:cubicBezTo>
                <a:cubicBezTo>
                  <a:pt x="5" y="37"/>
                  <a:pt x="6" y="37"/>
                  <a:pt x="7" y="36"/>
                </a:cubicBezTo>
                <a:cubicBezTo>
                  <a:pt x="34" y="9"/>
                  <a:pt x="34" y="9"/>
                  <a:pt x="34" y="9"/>
                </a:cubicBezTo>
                <a:cubicBezTo>
                  <a:pt x="61" y="36"/>
                  <a:pt x="61" y="36"/>
                  <a:pt x="61" y="36"/>
                </a:cubicBezTo>
                <a:cubicBezTo>
                  <a:pt x="62" y="38"/>
                  <a:pt x="65" y="38"/>
                  <a:pt x="66" y="36"/>
                </a:cubicBezTo>
                <a:cubicBezTo>
                  <a:pt x="67" y="35"/>
                  <a:pt x="67" y="33"/>
                  <a:pt x="66" y="31"/>
                </a:cubicBezTo>
                <a:close/>
                <a:moveTo>
                  <a:pt x="9" y="37"/>
                </a:moveTo>
                <a:cubicBezTo>
                  <a:pt x="9" y="57"/>
                  <a:pt x="9" y="57"/>
                  <a:pt x="9" y="57"/>
                </a:cubicBezTo>
                <a:cubicBezTo>
                  <a:pt x="9" y="59"/>
                  <a:pt x="11" y="60"/>
                  <a:pt x="13" y="60"/>
                </a:cubicBezTo>
                <a:cubicBezTo>
                  <a:pt x="28" y="60"/>
                  <a:pt x="28" y="60"/>
                  <a:pt x="28" y="60"/>
                </a:cubicBezTo>
                <a:cubicBezTo>
                  <a:pt x="28" y="42"/>
                  <a:pt x="28" y="42"/>
                  <a:pt x="28" y="42"/>
                </a:cubicBezTo>
                <a:cubicBezTo>
                  <a:pt x="28" y="42"/>
                  <a:pt x="29" y="41"/>
                  <a:pt x="29" y="41"/>
                </a:cubicBezTo>
                <a:cubicBezTo>
                  <a:pt x="38" y="41"/>
                  <a:pt x="38" y="41"/>
                  <a:pt x="38" y="41"/>
                </a:cubicBezTo>
                <a:cubicBezTo>
                  <a:pt x="39" y="41"/>
                  <a:pt x="39" y="42"/>
                  <a:pt x="39" y="42"/>
                </a:cubicBezTo>
                <a:cubicBezTo>
                  <a:pt x="39" y="60"/>
                  <a:pt x="39" y="60"/>
                  <a:pt x="39" y="60"/>
                </a:cubicBezTo>
                <a:cubicBezTo>
                  <a:pt x="55" y="60"/>
                  <a:pt x="55" y="60"/>
                  <a:pt x="55" y="60"/>
                </a:cubicBezTo>
                <a:cubicBezTo>
                  <a:pt x="57" y="60"/>
                  <a:pt x="58" y="59"/>
                  <a:pt x="58" y="57"/>
                </a:cubicBezTo>
                <a:cubicBezTo>
                  <a:pt x="58" y="38"/>
                  <a:pt x="58" y="38"/>
                  <a:pt x="58" y="38"/>
                </a:cubicBezTo>
                <a:cubicBezTo>
                  <a:pt x="34" y="13"/>
                  <a:pt x="34" y="13"/>
                  <a:pt x="34" y="13"/>
                </a:cubicBezTo>
                <a:lnTo>
                  <a:pt x="9" y="37"/>
                </a:lnTo>
                <a:close/>
              </a:path>
            </a:pathLst>
          </a:custGeom>
          <a:solidFill>
            <a:srgbClr val="BFBFBF"/>
          </a:solidFill>
          <a:ln w="9525">
            <a:noFill/>
            <a:round/>
            <a:headEnd/>
            <a:tailEnd/>
          </a:ln>
        </p:spPr>
        <p:txBody>
          <a:bodyPr/>
          <a:lstStyle/>
          <a:p>
            <a:pPr>
              <a:defRPr/>
            </a:pPr>
            <a:endParaRPr lang="en-US" sz="2400" kern="0" dirty="0">
              <a:solidFill>
                <a:sysClr val="windowText" lastClr="0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2" name="Shape 6926"/>
          <p:cNvSpPr/>
          <p:nvPr/>
        </p:nvSpPr>
        <p:spPr>
          <a:xfrm flipH="1">
            <a:off x="7860664" y="2526165"/>
            <a:ext cx="1497185" cy="0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3" name="Shape 6926"/>
          <p:cNvSpPr/>
          <p:nvPr/>
        </p:nvSpPr>
        <p:spPr>
          <a:xfrm>
            <a:off x="2745028" y="2584358"/>
            <a:ext cx="1497185" cy="0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4" name="Shape 6929"/>
          <p:cNvSpPr/>
          <p:nvPr/>
        </p:nvSpPr>
        <p:spPr>
          <a:xfrm>
            <a:off x="2754856" y="5203129"/>
            <a:ext cx="968183" cy="1"/>
          </a:xfrm>
          <a:prstGeom prst="line">
            <a:avLst/>
          </a:prstGeom>
          <a:ln w="6350">
            <a:solidFill>
              <a:schemeClr val="bg1">
                <a:lumMod val="65000"/>
              </a:schemeClr>
            </a:solidFill>
            <a:prstDash val="dash"/>
            <a:miter lim="400000"/>
            <a:headEnd type="triangle"/>
          </a:ln>
        </p:spPr>
        <p:txBody>
          <a:bodyPr lIns="0" tIns="0" rIns="0" bIns="0"/>
          <a:lstStyle/>
          <a:p>
            <a:pPr defTabSz="576058">
              <a:defRPr sz="1200">
                <a:uFillTx/>
                <a:latin typeface="Helvetica"/>
                <a:ea typeface="Helvetica"/>
                <a:cs typeface="Helvetica"/>
                <a:sym typeface="Helvetica"/>
              </a:defRPr>
            </a:pPr>
            <a:endParaRPr sz="1600">
              <a:latin typeface="+mn-ea"/>
            </a:endParaRPr>
          </a:p>
        </p:txBody>
      </p:sp>
      <p:sp>
        <p:nvSpPr>
          <p:cNvPr id="25" name="文本框 24"/>
          <p:cNvSpPr txBox="1"/>
          <p:nvPr/>
        </p:nvSpPr>
        <p:spPr>
          <a:xfrm>
            <a:off x="244999" y="2287635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6" name="文本框 25"/>
          <p:cNvSpPr txBox="1"/>
          <p:nvPr/>
        </p:nvSpPr>
        <p:spPr>
          <a:xfrm>
            <a:off x="244999" y="484912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7" name="文本框 26"/>
          <p:cNvSpPr txBox="1"/>
          <p:nvPr/>
        </p:nvSpPr>
        <p:spPr>
          <a:xfrm>
            <a:off x="9545868" y="2280236"/>
            <a:ext cx="2928559" cy="1569660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8" name="文本框 27"/>
          <p:cNvSpPr txBox="1"/>
          <p:nvPr/>
        </p:nvSpPr>
        <p:spPr>
          <a:xfrm>
            <a:off x="9545868" y="4828545"/>
            <a:ext cx="2928559" cy="1569660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451817396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2" presetClass="entr" presetSubtype="9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75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75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3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75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7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75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1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1250"/>
                            </p:stCondLst>
                            <p:childTnLst>
                              <p:par>
                                <p:cTn id="28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0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3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1750"/>
                            </p:stCondLst>
                            <p:childTnLst>
                              <p:par>
                                <p:cTn id="4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3" grpId="0" animBg="1"/>
      <p:bldP spid="24" grpId="0" animBg="1"/>
      <p:bldP spid="25" grpId="0"/>
      <p:bldP spid="26" grpId="0"/>
      <p:bldP spid="27" grpId="0"/>
      <p:bldP spid="28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7929301" y="2285242"/>
            <a:ext cx="3960431" cy="4572758"/>
            <a:chOff x="7929301" y="2285242"/>
            <a:chExt cx="3960431" cy="4572758"/>
          </a:xfrm>
        </p:grpSpPr>
        <p:pic>
          <p:nvPicPr>
            <p:cNvPr id="16" name="Picture 3"/>
            <p:cNvPicPr>
              <a:picLocks noChangeAspect="1"/>
            </p:cNvPicPr>
            <p:nvPr/>
          </p:nvPicPr>
          <p:blipFill>
            <a:blip r:embed="rId8" cstate="print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colorTemperature colorTemp="5900"/>
                      </a14:imgEffect>
                      <a14:imgEffect>
                        <a14:saturation sat="66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flipH="1">
              <a:off x="7929301" y="2285242"/>
              <a:ext cx="3960431" cy="4572758"/>
            </a:xfrm>
            <a:prstGeom prst="rect">
              <a:avLst/>
            </a:prstGeom>
            <a:effectLst>
              <a:outerShdw blurRad="190500" dist="190500" dir="10800000" algn="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17" name="矩形 16"/>
            <p:cNvSpPr/>
            <p:nvPr/>
          </p:nvSpPr>
          <p:spPr>
            <a:xfrm flipH="1">
              <a:off x="8553732" y="2894091"/>
              <a:ext cx="1440000" cy="2227153"/>
            </a:xfrm>
            <a:prstGeom prst="rect">
              <a:avLst/>
            </a:prstGeom>
            <a:blipFill>
              <a:blip r:embed="rId10"/>
              <a:stretch>
                <a:fillRect/>
              </a:stretch>
            </a:blip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704578" y="3213356"/>
            <a:ext cx="2212487" cy="1366691"/>
            <a:chOff x="704578" y="3642849"/>
            <a:chExt cx="2212487" cy="1366691"/>
          </a:xfrm>
        </p:grpSpPr>
        <p:sp>
          <p:nvSpPr>
            <p:cNvPr id="19" name="圆角矩形 18"/>
            <p:cNvSpPr/>
            <p:nvPr/>
          </p:nvSpPr>
          <p:spPr>
            <a:xfrm>
              <a:off x="704578" y="3642849"/>
              <a:ext cx="2212487" cy="1061884"/>
            </a:xfrm>
            <a:prstGeom prst="round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0" name="文本框 19"/>
            <p:cNvSpPr txBox="1"/>
            <p:nvPr/>
          </p:nvSpPr>
          <p:spPr>
            <a:xfrm>
              <a:off x="800656" y="3778434"/>
              <a:ext cx="2010487" cy="123110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a title</a:t>
              </a:r>
              <a:endParaRPr lang="en-US" altLang="zh-CN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5336026" y="3213356"/>
            <a:ext cx="2212487" cy="1366691"/>
            <a:chOff x="5336026" y="3642849"/>
            <a:chExt cx="2212487" cy="1366691"/>
          </a:xfrm>
        </p:grpSpPr>
        <p:sp>
          <p:nvSpPr>
            <p:cNvPr id="22" name="圆角矩形 21"/>
            <p:cNvSpPr/>
            <p:nvPr/>
          </p:nvSpPr>
          <p:spPr>
            <a:xfrm>
              <a:off x="5336026" y="3642849"/>
              <a:ext cx="2212487" cy="1061884"/>
            </a:xfrm>
            <a:prstGeom prst="round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3" name="文本框 22"/>
            <p:cNvSpPr txBox="1"/>
            <p:nvPr/>
          </p:nvSpPr>
          <p:spPr>
            <a:xfrm>
              <a:off x="5426945" y="3778434"/>
              <a:ext cx="2010487" cy="123110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a title</a:t>
              </a:r>
              <a:endParaRPr lang="en-US" altLang="zh-CN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3020302" y="3213356"/>
            <a:ext cx="2212487" cy="1366691"/>
            <a:chOff x="3020302" y="3642849"/>
            <a:chExt cx="2212487" cy="1366691"/>
          </a:xfrm>
        </p:grpSpPr>
        <p:sp>
          <p:nvSpPr>
            <p:cNvPr id="25" name="圆角矩形 24"/>
            <p:cNvSpPr/>
            <p:nvPr/>
          </p:nvSpPr>
          <p:spPr>
            <a:xfrm>
              <a:off x="3020302" y="3642849"/>
              <a:ext cx="2212487" cy="1061884"/>
            </a:xfrm>
            <a:prstGeom prst="round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文本框 25"/>
            <p:cNvSpPr txBox="1"/>
            <p:nvPr/>
          </p:nvSpPr>
          <p:spPr>
            <a:xfrm>
              <a:off x="3073223" y="3778434"/>
              <a:ext cx="2010487" cy="123110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a title</a:t>
              </a:r>
              <a:endParaRPr lang="en-US" altLang="zh-CN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704578" y="4367283"/>
            <a:ext cx="2212487" cy="1410178"/>
            <a:chOff x="704578" y="4796776"/>
            <a:chExt cx="2212487" cy="1410178"/>
          </a:xfrm>
        </p:grpSpPr>
        <p:sp>
          <p:nvSpPr>
            <p:cNvPr id="28" name="圆角矩形 27"/>
            <p:cNvSpPr/>
            <p:nvPr/>
          </p:nvSpPr>
          <p:spPr>
            <a:xfrm>
              <a:off x="704578" y="4796776"/>
              <a:ext cx="2212487" cy="1061884"/>
            </a:xfrm>
            <a:prstGeom prst="round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9" name="文本框 28"/>
            <p:cNvSpPr txBox="1"/>
            <p:nvPr/>
          </p:nvSpPr>
          <p:spPr>
            <a:xfrm>
              <a:off x="746609" y="4975848"/>
              <a:ext cx="2010487" cy="123110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a title</a:t>
              </a:r>
              <a:endParaRPr lang="en-US" altLang="zh-CN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30" name="组合 29"/>
          <p:cNvGrpSpPr/>
          <p:nvPr/>
        </p:nvGrpSpPr>
        <p:grpSpPr>
          <a:xfrm>
            <a:off x="5336026" y="4367283"/>
            <a:ext cx="2212487" cy="1366636"/>
            <a:chOff x="5336026" y="4796776"/>
            <a:chExt cx="2212487" cy="1366636"/>
          </a:xfrm>
        </p:grpSpPr>
        <p:sp>
          <p:nvSpPr>
            <p:cNvPr id="31" name="圆角矩形 30"/>
            <p:cNvSpPr/>
            <p:nvPr/>
          </p:nvSpPr>
          <p:spPr>
            <a:xfrm>
              <a:off x="5336026" y="4796776"/>
              <a:ext cx="2212487" cy="1061884"/>
            </a:xfrm>
            <a:prstGeom prst="roundRect">
              <a:avLst/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4" name="文本框 43"/>
            <p:cNvSpPr txBox="1"/>
            <p:nvPr/>
          </p:nvSpPr>
          <p:spPr>
            <a:xfrm>
              <a:off x="5416273" y="4932306"/>
              <a:ext cx="2010487" cy="123110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a title</a:t>
              </a:r>
              <a:endParaRPr lang="en-US" altLang="zh-CN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3020302" y="4367283"/>
            <a:ext cx="2212487" cy="1367448"/>
            <a:chOff x="3020302" y="4796776"/>
            <a:chExt cx="2212487" cy="1367448"/>
          </a:xfrm>
        </p:grpSpPr>
        <p:sp>
          <p:nvSpPr>
            <p:cNvPr id="46" name="圆角矩形 45"/>
            <p:cNvSpPr/>
            <p:nvPr/>
          </p:nvSpPr>
          <p:spPr>
            <a:xfrm>
              <a:off x="3020302" y="4796776"/>
              <a:ext cx="2212487" cy="1061884"/>
            </a:xfrm>
            <a:prstGeom prst="round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7" name="文本框 46"/>
            <p:cNvSpPr txBox="1"/>
            <p:nvPr/>
          </p:nvSpPr>
          <p:spPr>
            <a:xfrm>
              <a:off x="3062333" y="4933118"/>
              <a:ext cx="2010487" cy="123110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a title</a:t>
              </a:r>
              <a:endParaRPr lang="en-US" altLang="zh-CN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8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Please enter your main narrative here</a:t>
              </a:r>
              <a:endParaRPr lang="en-US" altLang="zh-CN" sz="8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4000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419213452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:a14="http://schemas.microsoft.com/office/drawing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" presetClass="entr" presetSubtype="1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1" decel="100000" fill="hold" nodeType="withEffect">
                                  <p:stCondLst>
                                    <p:cond delay="15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1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800"/>
                            </p:stCondLst>
                            <p:childTnLst>
                              <p:par>
                                <p:cTn id="24" presetID="2" presetClass="entr" presetSubtype="4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2" presetClass="entr" presetSubtype="4" decel="100000" fill="hold" nodeType="withEffect">
                                  <p:stCondLst>
                                    <p:cond delay="15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2" presetClass="entr" presetSubtype="4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Oval 17"/>
          <p:cNvSpPr>
            <a:spLocks noChangeArrowheads="1"/>
          </p:cNvSpPr>
          <p:nvPr/>
        </p:nvSpPr>
        <p:spPr bwMode="auto">
          <a:xfrm>
            <a:off x="1399573" y="3827173"/>
            <a:ext cx="744580" cy="746570"/>
          </a:xfrm>
          <a:prstGeom prst="ellipse">
            <a:avLst/>
          </a:prstGeom>
          <a:solidFill>
            <a:srgbClr val="E7E6E6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6" name="Oval 18"/>
          <p:cNvSpPr>
            <a:spLocks noChangeArrowheads="1"/>
          </p:cNvSpPr>
          <p:nvPr/>
        </p:nvSpPr>
        <p:spPr bwMode="auto">
          <a:xfrm>
            <a:off x="4879589" y="1921923"/>
            <a:ext cx="662954" cy="662956"/>
          </a:xfrm>
          <a:prstGeom prst="ellipse">
            <a:avLst/>
          </a:prstGeom>
          <a:solidFill>
            <a:schemeClr val="bg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7" name="Oval 19"/>
          <p:cNvSpPr>
            <a:spLocks noChangeArrowheads="1"/>
          </p:cNvSpPr>
          <p:nvPr/>
        </p:nvSpPr>
        <p:spPr bwMode="auto">
          <a:xfrm>
            <a:off x="6786828" y="5650796"/>
            <a:ext cx="577348" cy="579338"/>
          </a:xfrm>
          <a:prstGeom prst="ellipse">
            <a:avLst/>
          </a:prstGeom>
          <a:solidFill>
            <a:schemeClr val="bg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8" name="Oval 20"/>
          <p:cNvSpPr>
            <a:spLocks noChangeArrowheads="1"/>
          </p:cNvSpPr>
          <p:nvPr/>
        </p:nvSpPr>
        <p:spPr bwMode="auto">
          <a:xfrm>
            <a:off x="9932380" y="4655369"/>
            <a:ext cx="497714" cy="497714"/>
          </a:xfrm>
          <a:prstGeom prst="ellipse">
            <a:avLst/>
          </a:prstGeom>
          <a:solidFill>
            <a:srgbClr val="E7E6E6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sp>
        <p:nvSpPr>
          <p:cNvPr id="19" name="Oval 21"/>
          <p:cNvSpPr>
            <a:spLocks noChangeArrowheads="1"/>
          </p:cNvSpPr>
          <p:nvPr/>
        </p:nvSpPr>
        <p:spPr bwMode="auto">
          <a:xfrm>
            <a:off x="9104184" y="2334031"/>
            <a:ext cx="746570" cy="746570"/>
          </a:xfrm>
          <a:prstGeom prst="ellipse">
            <a:avLst/>
          </a:prstGeom>
          <a:solidFill>
            <a:schemeClr val="bg2"/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zh-CN" altLang="en-US" sz="2257">
              <a:ea typeface="宋体" charset="-122"/>
            </a:endParaRPr>
          </a:p>
        </p:txBody>
      </p:sp>
      <p:grpSp>
        <p:nvGrpSpPr>
          <p:cNvPr id="20" name="Group 27"/>
          <p:cNvGrpSpPr>
            <a:grpSpLocks/>
          </p:cNvGrpSpPr>
          <p:nvPr/>
        </p:nvGrpSpPr>
        <p:grpSpPr bwMode="auto">
          <a:xfrm>
            <a:off x="2560241" y="2087165"/>
            <a:ext cx="2086417" cy="1491150"/>
            <a:chOff x="1286" y="1027"/>
            <a:chExt cx="1048" cy="749"/>
          </a:xfrm>
        </p:grpSpPr>
        <p:sp>
          <p:nvSpPr>
            <p:cNvPr id="21" name="Oval 16"/>
            <p:cNvSpPr>
              <a:spLocks noChangeArrowheads="1"/>
            </p:cNvSpPr>
            <p:nvPr/>
          </p:nvSpPr>
          <p:spPr bwMode="auto">
            <a:xfrm>
              <a:off x="1286" y="1027"/>
              <a:ext cx="748" cy="749"/>
            </a:xfrm>
            <a:prstGeom prst="ellipse">
              <a:avLst/>
            </a:prstGeom>
            <a:solidFill>
              <a:srgbClr val="FEBC30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22" name="Text Box 27"/>
            <p:cNvSpPr txBox="1">
              <a:spLocks noChangeArrowheads="1"/>
            </p:cNvSpPr>
            <p:nvPr/>
          </p:nvSpPr>
          <p:spPr bwMode="auto">
            <a:xfrm>
              <a:off x="1382" y="1163"/>
              <a:ext cx="952" cy="48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dd a </a:t>
              </a:r>
              <a:endParaRPr lang="en-US" altLang="zh-CN" sz="2257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title</a:t>
              </a:r>
            </a:p>
          </p:txBody>
        </p:sp>
      </p:grpSp>
      <p:grpSp>
        <p:nvGrpSpPr>
          <p:cNvPr id="23" name="Group 28"/>
          <p:cNvGrpSpPr>
            <a:grpSpLocks/>
          </p:cNvGrpSpPr>
          <p:nvPr/>
        </p:nvGrpSpPr>
        <p:grpSpPr bwMode="auto">
          <a:xfrm>
            <a:off x="6701221" y="1756683"/>
            <a:ext cx="2012756" cy="1738016"/>
            <a:chOff x="3366" y="861"/>
            <a:chExt cx="1011" cy="873"/>
          </a:xfrm>
        </p:grpSpPr>
        <p:sp>
          <p:nvSpPr>
            <p:cNvPr id="24" name="Oval 22"/>
            <p:cNvSpPr>
              <a:spLocks noChangeArrowheads="1"/>
            </p:cNvSpPr>
            <p:nvPr/>
          </p:nvSpPr>
          <p:spPr bwMode="auto">
            <a:xfrm>
              <a:off x="3366" y="861"/>
              <a:ext cx="874" cy="873"/>
            </a:xfrm>
            <a:prstGeom prst="ellipse">
              <a:avLst/>
            </a:prstGeom>
            <a:solidFill>
              <a:srgbClr val="FF6680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25" name="Text Box 28"/>
            <p:cNvSpPr txBox="1">
              <a:spLocks noChangeArrowheads="1"/>
            </p:cNvSpPr>
            <p:nvPr/>
          </p:nvSpPr>
          <p:spPr bwMode="auto">
            <a:xfrm>
              <a:off x="3425" y="1189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dd a title</a:t>
              </a:r>
            </a:p>
          </p:txBody>
        </p:sp>
      </p:grpSp>
      <p:grpSp>
        <p:nvGrpSpPr>
          <p:cNvPr id="26" name="Group 30"/>
          <p:cNvGrpSpPr>
            <a:grpSpLocks/>
          </p:cNvGrpSpPr>
          <p:nvPr/>
        </p:nvGrpSpPr>
        <p:grpSpPr bwMode="auto">
          <a:xfrm>
            <a:off x="2476624" y="4406512"/>
            <a:ext cx="1907240" cy="1574767"/>
            <a:chOff x="1244" y="2192"/>
            <a:chExt cx="958" cy="791"/>
          </a:xfrm>
        </p:grpSpPr>
        <p:sp>
          <p:nvSpPr>
            <p:cNvPr id="27" name="Oval 23"/>
            <p:cNvSpPr>
              <a:spLocks noChangeArrowheads="1"/>
            </p:cNvSpPr>
            <p:nvPr/>
          </p:nvSpPr>
          <p:spPr bwMode="auto">
            <a:xfrm>
              <a:off x="1244" y="2192"/>
              <a:ext cx="791" cy="791"/>
            </a:xfrm>
            <a:prstGeom prst="ellipse">
              <a:avLst/>
            </a:prstGeom>
            <a:solidFill>
              <a:srgbClr val="45AFC5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28" name="Text Box 29"/>
            <p:cNvSpPr txBox="1">
              <a:spLocks noChangeArrowheads="1"/>
            </p:cNvSpPr>
            <p:nvPr/>
          </p:nvSpPr>
          <p:spPr bwMode="auto">
            <a:xfrm>
              <a:off x="1250" y="2479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dd a title</a:t>
              </a:r>
            </a:p>
          </p:txBody>
        </p:sp>
      </p:grpSp>
      <p:grpSp>
        <p:nvGrpSpPr>
          <p:cNvPr id="29" name="Group 31"/>
          <p:cNvGrpSpPr>
            <a:grpSpLocks/>
          </p:cNvGrpSpPr>
          <p:nvPr/>
        </p:nvGrpSpPr>
        <p:grpSpPr bwMode="auto">
          <a:xfrm>
            <a:off x="7696649" y="4324887"/>
            <a:ext cx="2010764" cy="1740008"/>
            <a:chOff x="3866" y="2151"/>
            <a:chExt cx="1010" cy="874"/>
          </a:xfrm>
        </p:grpSpPr>
        <p:sp>
          <p:nvSpPr>
            <p:cNvPr id="30" name="Oval 24"/>
            <p:cNvSpPr>
              <a:spLocks noChangeArrowheads="1"/>
            </p:cNvSpPr>
            <p:nvPr/>
          </p:nvSpPr>
          <p:spPr bwMode="auto">
            <a:xfrm>
              <a:off x="3866" y="2151"/>
              <a:ext cx="874" cy="874"/>
            </a:xfrm>
            <a:prstGeom prst="ellipse">
              <a:avLst/>
            </a:prstGeom>
            <a:solidFill>
              <a:srgbClr val="A883BD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31" name="Text Box 30"/>
            <p:cNvSpPr txBox="1">
              <a:spLocks noChangeArrowheads="1"/>
            </p:cNvSpPr>
            <p:nvPr/>
          </p:nvSpPr>
          <p:spPr bwMode="auto">
            <a:xfrm>
              <a:off x="3924" y="2472"/>
              <a:ext cx="952" cy="2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defTabSz="1146749">
                <a:spcBef>
                  <a:spcPct val="50000"/>
                </a:spcBef>
              </a:pPr>
              <a:r>
                <a:rPr lang="zh-CN" altLang="en-US" sz="2257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dd a title</a:t>
              </a:r>
            </a:p>
          </p:txBody>
        </p:sp>
      </p:grpSp>
      <p:grpSp>
        <p:nvGrpSpPr>
          <p:cNvPr id="44" name="Group 29"/>
          <p:cNvGrpSpPr>
            <a:grpSpLocks/>
          </p:cNvGrpSpPr>
          <p:nvPr/>
        </p:nvGrpSpPr>
        <p:grpSpPr bwMode="auto">
          <a:xfrm>
            <a:off x="4714346" y="3247833"/>
            <a:ext cx="2319347" cy="2319347"/>
            <a:chOff x="2368" y="1610"/>
            <a:chExt cx="1165" cy="1165"/>
          </a:xfrm>
        </p:grpSpPr>
        <p:sp>
          <p:nvSpPr>
            <p:cNvPr id="45" name="Oval 25"/>
            <p:cNvSpPr>
              <a:spLocks noChangeArrowheads="1"/>
            </p:cNvSpPr>
            <p:nvPr/>
          </p:nvSpPr>
          <p:spPr bwMode="auto">
            <a:xfrm>
              <a:off x="2368" y="1610"/>
              <a:ext cx="1165" cy="1165"/>
            </a:xfrm>
            <a:prstGeom prst="ellipse">
              <a:avLst/>
            </a:prstGeom>
            <a:solidFill>
              <a:srgbClr val="80AD31"/>
            </a:solidFill>
            <a:ln w="9525">
              <a:noFill/>
              <a:round/>
              <a:headEnd/>
              <a:tailEnd/>
            </a:ln>
          </p:spPr>
          <p:txBody>
            <a:bodyPr wrap="none" anchor="ctr"/>
            <a:lstStyle/>
            <a:p>
              <a:endParaRPr lang="zh-CN" altLang="en-US" sz="2257">
                <a:ea typeface="方正大黑简体" pitchFamily="2" charset="-122"/>
              </a:endParaRPr>
            </a:p>
          </p:txBody>
        </p:sp>
        <p:sp>
          <p:nvSpPr>
            <p:cNvPr id="46" name="Text Box 31"/>
            <p:cNvSpPr txBox="1">
              <a:spLocks noChangeArrowheads="1"/>
            </p:cNvSpPr>
            <p:nvPr/>
          </p:nvSpPr>
          <p:spPr bwMode="auto">
            <a:xfrm>
              <a:off x="2457" y="1924"/>
              <a:ext cx="952" cy="29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 defTabSz="1146749">
                <a:spcBef>
                  <a:spcPct val="50000"/>
                </a:spcBef>
              </a:pPr>
              <a:r>
                <a:rPr lang="zh-CN" altLang="en-US" sz="32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Add a title</a:t>
              </a:r>
            </a:p>
          </p:txBody>
        </p:sp>
      </p:grpSp>
      <p:sp>
        <p:nvSpPr>
          <p:cNvPr id="47" name="Line 32"/>
          <p:cNvSpPr>
            <a:spLocks noChangeShapeType="1"/>
          </p:cNvSpPr>
          <p:nvPr/>
        </p:nvSpPr>
        <p:spPr bwMode="auto">
          <a:xfrm flipV="1">
            <a:off x="2032665" y="3339412"/>
            <a:ext cx="631101" cy="541513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48" name="Line 33"/>
          <p:cNvSpPr>
            <a:spLocks noChangeShapeType="1"/>
          </p:cNvSpPr>
          <p:nvPr/>
        </p:nvSpPr>
        <p:spPr bwMode="auto">
          <a:xfrm flipV="1">
            <a:off x="4109127" y="2435565"/>
            <a:ext cx="722681" cy="181168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49" name="Line 34"/>
          <p:cNvSpPr>
            <a:spLocks noChangeShapeType="1"/>
          </p:cNvSpPr>
          <p:nvPr/>
        </p:nvSpPr>
        <p:spPr bwMode="auto">
          <a:xfrm>
            <a:off x="5644077" y="2254397"/>
            <a:ext cx="993436" cy="179177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0" name="Line 35"/>
          <p:cNvSpPr>
            <a:spLocks noChangeShapeType="1"/>
          </p:cNvSpPr>
          <p:nvPr/>
        </p:nvSpPr>
        <p:spPr bwMode="auto">
          <a:xfrm>
            <a:off x="8445210" y="2525154"/>
            <a:ext cx="541513" cy="97551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1" name="Line 36"/>
          <p:cNvSpPr>
            <a:spLocks noChangeShapeType="1"/>
          </p:cNvSpPr>
          <p:nvPr/>
        </p:nvSpPr>
        <p:spPr bwMode="auto">
          <a:xfrm>
            <a:off x="9617824" y="3158246"/>
            <a:ext cx="541513" cy="1445361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2" name="Line 37"/>
          <p:cNvSpPr>
            <a:spLocks noChangeShapeType="1"/>
          </p:cNvSpPr>
          <p:nvPr/>
        </p:nvSpPr>
        <p:spPr bwMode="auto">
          <a:xfrm flipH="1">
            <a:off x="9528235" y="5053540"/>
            <a:ext cx="360345" cy="91579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3" name="Line 38"/>
          <p:cNvSpPr>
            <a:spLocks noChangeShapeType="1"/>
          </p:cNvSpPr>
          <p:nvPr/>
        </p:nvSpPr>
        <p:spPr bwMode="auto">
          <a:xfrm flipH="1">
            <a:off x="7360194" y="5776220"/>
            <a:ext cx="451924" cy="91579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4" name="Line 39"/>
          <p:cNvSpPr>
            <a:spLocks noChangeShapeType="1"/>
          </p:cNvSpPr>
          <p:nvPr/>
        </p:nvSpPr>
        <p:spPr bwMode="auto">
          <a:xfrm flipH="1" flipV="1">
            <a:off x="6729093" y="5326286"/>
            <a:ext cx="179177" cy="270756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5" name="Line 40"/>
          <p:cNvSpPr>
            <a:spLocks noChangeShapeType="1"/>
          </p:cNvSpPr>
          <p:nvPr/>
        </p:nvSpPr>
        <p:spPr bwMode="auto">
          <a:xfrm flipH="1">
            <a:off x="4109127" y="4874363"/>
            <a:ext cx="633092" cy="89588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  <p:sp>
        <p:nvSpPr>
          <p:cNvPr id="56" name="Line 41"/>
          <p:cNvSpPr>
            <a:spLocks noChangeShapeType="1"/>
          </p:cNvSpPr>
          <p:nvPr/>
        </p:nvSpPr>
        <p:spPr bwMode="auto">
          <a:xfrm flipH="1" flipV="1">
            <a:off x="2211842" y="4422438"/>
            <a:ext cx="362336" cy="270756"/>
          </a:xfrm>
          <a:prstGeom prst="line">
            <a:avLst/>
          </a:prstGeom>
          <a:noFill/>
          <a:ln w="9525">
            <a:solidFill>
              <a:schemeClr val="tx1">
                <a:lumMod val="50000"/>
                <a:lumOff val="50000"/>
              </a:schemeClr>
            </a:solidFill>
            <a:prstDash val="dash"/>
            <a:round/>
            <a:headEnd/>
            <a:tailEnd/>
          </a:ln>
        </p:spPr>
        <p:txBody>
          <a:bodyPr/>
          <a:lstStyle/>
          <a:p>
            <a:endParaRPr lang="zh-CN" altLang="en-US" sz="2257"/>
          </a:p>
        </p:txBody>
      </p:sp>
    </p:spTree>
    <p:extLst>
      <p:ext uri="{BB962C8B-B14F-4D97-AF65-F5344CB8AC3E}">
        <p14:creationId xmlns:p14="http://schemas.microsoft.com/office/powerpoint/2010/main" val="4087098932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500"/>
                            </p:stCondLst>
                            <p:childTnLst>
                              <p:par>
                                <p:cTn id="31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3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3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1000"/>
                            </p:stCondLst>
                            <p:childTnLst>
                              <p:par>
                                <p:cTn id="57" presetID="2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9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2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5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8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9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1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4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7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0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3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4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86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19" grpId="0" animBg="1"/>
      <p:bldP spid="47" grpId="0" animBg="1"/>
      <p:bldP spid="48" grpId="0" animBg="1"/>
      <p:bldP spid="49" grpId="0" animBg="1"/>
      <p:bldP spid="50" grpId="0" animBg="1"/>
      <p:bldP spid="51" grpId="0" animBg="1"/>
      <p:bldP spid="52" grpId="0" animBg="1"/>
      <p:bldP spid="53" grpId="0" animBg="1"/>
      <p:bldP spid="54" grpId="0" animBg="1"/>
      <p:bldP spid="55" grpId="0" animBg="1"/>
      <p:bldP spid="56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任意多边形 14"/>
          <p:cNvSpPr/>
          <p:nvPr/>
        </p:nvSpPr>
        <p:spPr>
          <a:xfrm rot="10800000" flipH="1">
            <a:off x="3426947" y="5225118"/>
            <a:ext cx="5378387" cy="1073422"/>
          </a:xfrm>
          <a:custGeom>
            <a:avLst/>
            <a:gdLst>
              <a:gd name="connsiteX0" fmla="*/ 536711 w 5378387"/>
              <a:gd name="connsiteY0" fmla="*/ 1073422 h 1073422"/>
              <a:gd name="connsiteX1" fmla="*/ 2689193 w 5378387"/>
              <a:gd name="connsiteY1" fmla="*/ 1073422 h 1073422"/>
              <a:gd name="connsiteX2" fmla="*/ 2689194 w 5378387"/>
              <a:gd name="connsiteY2" fmla="*/ 1073422 h 1073422"/>
              <a:gd name="connsiteX3" fmla="*/ 4841676 w 5378387"/>
              <a:gd name="connsiteY3" fmla="*/ 1073422 h 1073422"/>
              <a:gd name="connsiteX4" fmla="*/ 5378387 w 5378387"/>
              <a:gd name="connsiteY4" fmla="*/ 536711 h 1073422"/>
              <a:gd name="connsiteX5" fmla="*/ 4841676 w 5378387"/>
              <a:gd name="connsiteY5" fmla="*/ 0 h 1073422"/>
              <a:gd name="connsiteX6" fmla="*/ 2689194 w 5378387"/>
              <a:gd name="connsiteY6" fmla="*/ 0 h 1073422"/>
              <a:gd name="connsiteX7" fmla="*/ 2689193 w 5378387"/>
              <a:gd name="connsiteY7" fmla="*/ 0 h 1073422"/>
              <a:gd name="connsiteX8" fmla="*/ 536711 w 5378387"/>
              <a:gd name="connsiteY8" fmla="*/ 0 h 1073422"/>
              <a:gd name="connsiteX9" fmla="*/ 0 w 5378387"/>
              <a:gd name="connsiteY9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378387" h="1073422">
                <a:moveTo>
                  <a:pt x="536711" y="1073422"/>
                </a:moveTo>
                <a:lnTo>
                  <a:pt x="2689193" y="1073422"/>
                </a:lnTo>
                <a:lnTo>
                  <a:pt x="2689194" y="1073422"/>
                </a:lnTo>
                <a:lnTo>
                  <a:pt x="4841676" y="1073422"/>
                </a:lnTo>
                <a:lnTo>
                  <a:pt x="5378387" y="536711"/>
                </a:lnTo>
                <a:lnTo>
                  <a:pt x="4841676" y="0"/>
                </a:lnTo>
                <a:lnTo>
                  <a:pt x="2689194" y="0"/>
                </a:lnTo>
                <a:lnTo>
                  <a:pt x="2689193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6" name="任意多边形 15"/>
          <p:cNvSpPr/>
          <p:nvPr/>
        </p:nvSpPr>
        <p:spPr>
          <a:xfrm rot="10800000" flipH="1">
            <a:off x="4010175" y="4151694"/>
            <a:ext cx="4231668" cy="1073422"/>
          </a:xfrm>
          <a:custGeom>
            <a:avLst/>
            <a:gdLst>
              <a:gd name="connsiteX0" fmla="*/ 536711 w 4231668"/>
              <a:gd name="connsiteY0" fmla="*/ 1073422 h 1073422"/>
              <a:gd name="connsiteX1" fmla="*/ 2109473 w 4231668"/>
              <a:gd name="connsiteY1" fmla="*/ 1073422 h 1073422"/>
              <a:gd name="connsiteX2" fmla="*/ 2122195 w 4231668"/>
              <a:gd name="connsiteY2" fmla="*/ 1073422 h 1073422"/>
              <a:gd name="connsiteX3" fmla="*/ 3694957 w 4231668"/>
              <a:gd name="connsiteY3" fmla="*/ 1073422 h 1073422"/>
              <a:gd name="connsiteX4" fmla="*/ 4231668 w 4231668"/>
              <a:gd name="connsiteY4" fmla="*/ 536711 h 1073422"/>
              <a:gd name="connsiteX5" fmla="*/ 3694957 w 4231668"/>
              <a:gd name="connsiteY5" fmla="*/ 0 h 1073422"/>
              <a:gd name="connsiteX6" fmla="*/ 2122195 w 4231668"/>
              <a:gd name="connsiteY6" fmla="*/ 0 h 1073422"/>
              <a:gd name="connsiteX7" fmla="*/ 2109473 w 4231668"/>
              <a:gd name="connsiteY7" fmla="*/ 0 h 1073422"/>
              <a:gd name="connsiteX8" fmla="*/ 536711 w 4231668"/>
              <a:gd name="connsiteY8" fmla="*/ 0 h 1073422"/>
              <a:gd name="connsiteX9" fmla="*/ 0 w 4231668"/>
              <a:gd name="connsiteY9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4231668" h="1073422">
                <a:moveTo>
                  <a:pt x="536711" y="1073422"/>
                </a:moveTo>
                <a:lnTo>
                  <a:pt x="2109473" y="1073422"/>
                </a:lnTo>
                <a:lnTo>
                  <a:pt x="2122195" y="1073422"/>
                </a:lnTo>
                <a:lnTo>
                  <a:pt x="3694957" y="1073422"/>
                </a:lnTo>
                <a:lnTo>
                  <a:pt x="4231668" y="536711"/>
                </a:lnTo>
                <a:lnTo>
                  <a:pt x="3694957" y="0"/>
                </a:lnTo>
                <a:lnTo>
                  <a:pt x="2122195" y="0"/>
                </a:lnTo>
                <a:lnTo>
                  <a:pt x="2109473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7" name="任意多边形 16"/>
          <p:cNvSpPr/>
          <p:nvPr/>
        </p:nvSpPr>
        <p:spPr>
          <a:xfrm rot="10800000" flipH="1">
            <a:off x="4497291" y="3078271"/>
            <a:ext cx="3237698" cy="1073422"/>
          </a:xfrm>
          <a:custGeom>
            <a:avLst/>
            <a:gdLst>
              <a:gd name="connsiteX0" fmla="*/ 536711 w 3237698"/>
              <a:gd name="connsiteY0" fmla="*/ 1073422 h 1073422"/>
              <a:gd name="connsiteX1" fmla="*/ 1618849 w 3237698"/>
              <a:gd name="connsiteY1" fmla="*/ 1073422 h 1073422"/>
              <a:gd name="connsiteX2" fmla="*/ 2700987 w 3237698"/>
              <a:gd name="connsiteY2" fmla="*/ 1073422 h 1073422"/>
              <a:gd name="connsiteX3" fmla="*/ 3237698 w 3237698"/>
              <a:gd name="connsiteY3" fmla="*/ 536711 h 1073422"/>
              <a:gd name="connsiteX4" fmla="*/ 2700987 w 3237698"/>
              <a:gd name="connsiteY4" fmla="*/ 0 h 1073422"/>
              <a:gd name="connsiteX5" fmla="*/ 1618849 w 3237698"/>
              <a:gd name="connsiteY5" fmla="*/ 0 h 1073422"/>
              <a:gd name="connsiteX6" fmla="*/ 536711 w 3237698"/>
              <a:gd name="connsiteY6" fmla="*/ 0 h 1073422"/>
              <a:gd name="connsiteX7" fmla="*/ 0 w 3237698"/>
              <a:gd name="connsiteY7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3237698" h="1073422">
                <a:moveTo>
                  <a:pt x="536711" y="1073422"/>
                </a:moveTo>
                <a:lnTo>
                  <a:pt x="1618849" y="1073422"/>
                </a:lnTo>
                <a:lnTo>
                  <a:pt x="2700987" y="1073422"/>
                </a:lnTo>
                <a:lnTo>
                  <a:pt x="3237698" y="536711"/>
                </a:lnTo>
                <a:lnTo>
                  <a:pt x="2700987" y="0"/>
                </a:lnTo>
                <a:lnTo>
                  <a:pt x="1618849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8" name="任意多边形 17"/>
          <p:cNvSpPr/>
          <p:nvPr/>
        </p:nvSpPr>
        <p:spPr>
          <a:xfrm rot="10800000" flipH="1">
            <a:off x="4820140" y="2007969"/>
            <a:ext cx="2591999" cy="1073422"/>
          </a:xfrm>
          <a:custGeom>
            <a:avLst/>
            <a:gdLst>
              <a:gd name="connsiteX0" fmla="*/ 1296000 w 2591999"/>
              <a:gd name="connsiteY0" fmla="*/ 1073422 h 1073422"/>
              <a:gd name="connsiteX1" fmla="*/ 2055288 w 2591999"/>
              <a:gd name="connsiteY1" fmla="*/ 1073422 h 1073422"/>
              <a:gd name="connsiteX2" fmla="*/ 2591999 w 2591999"/>
              <a:gd name="connsiteY2" fmla="*/ 536711 h 1073422"/>
              <a:gd name="connsiteX3" fmla="*/ 2055288 w 2591999"/>
              <a:gd name="connsiteY3" fmla="*/ 0 h 1073422"/>
              <a:gd name="connsiteX4" fmla="*/ 1296000 w 2591999"/>
              <a:gd name="connsiteY4" fmla="*/ 0 h 1073422"/>
              <a:gd name="connsiteX5" fmla="*/ 536711 w 2591999"/>
              <a:gd name="connsiteY5" fmla="*/ 1073422 h 1073422"/>
              <a:gd name="connsiteX6" fmla="*/ 1295999 w 2591999"/>
              <a:gd name="connsiteY6" fmla="*/ 1073422 h 1073422"/>
              <a:gd name="connsiteX7" fmla="*/ 1295999 w 2591999"/>
              <a:gd name="connsiteY7" fmla="*/ 0 h 1073422"/>
              <a:gd name="connsiteX8" fmla="*/ 536711 w 2591999"/>
              <a:gd name="connsiteY8" fmla="*/ 0 h 1073422"/>
              <a:gd name="connsiteX9" fmla="*/ 0 w 2591999"/>
              <a:gd name="connsiteY9" fmla="*/ 536711 h 107342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2591999" h="1073422">
                <a:moveTo>
                  <a:pt x="1296000" y="1073422"/>
                </a:moveTo>
                <a:lnTo>
                  <a:pt x="2055288" y="1073422"/>
                </a:lnTo>
                <a:lnTo>
                  <a:pt x="2591999" y="536711"/>
                </a:lnTo>
                <a:lnTo>
                  <a:pt x="2055288" y="0"/>
                </a:lnTo>
                <a:lnTo>
                  <a:pt x="1296000" y="0"/>
                </a:lnTo>
                <a:close/>
                <a:moveTo>
                  <a:pt x="536711" y="1073422"/>
                </a:moveTo>
                <a:lnTo>
                  <a:pt x="1295999" y="1073422"/>
                </a:lnTo>
                <a:lnTo>
                  <a:pt x="1295999" y="0"/>
                </a:lnTo>
                <a:lnTo>
                  <a:pt x="536711" y="0"/>
                </a:lnTo>
                <a:lnTo>
                  <a:pt x="0" y="536711"/>
                </a:lnTo>
                <a:close/>
              </a:path>
            </a:pathLst>
          </a:cu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zh-CN" altLang="en-US">
              <a:solidFill>
                <a:schemeClr val="bg1"/>
              </a:solidFill>
            </a:endParaRPr>
          </a:p>
        </p:txBody>
      </p:sp>
      <p:sp>
        <p:nvSpPr>
          <p:cNvPr id="19" name="矩形 18"/>
          <p:cNvSpPr/>
          <p:nvPr/>
        </p:nvSpPr>
        <p:spPr>
          <a:xfrm>
            <a:off x="5793290" y="2256218"/>
            <a:ext cx="582138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1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0" name="矩形 19"/>
          <p:cNvSpPr/>
          <p:nvPr/>
        </p:nvSpPr>
        <p:spPr>
          <a:xfrm>
            <a:off x="5735172" y="3383092"/>
            <a:ext cx="736797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2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1" name="矩形 20"/>
          <p:cNvSpPr/>
          <p:nvPr/>
        </p:nvSpPr>
        <p:spPr>
          <a:xfrm>
            <a:off x="5646272" y="4392422"/>
            <a:ext cx="939734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3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2" name="矩形 21"/>
          <p:cNvSpPr/>
          <p:nvPr/>
        </p:nvSpPr>
        <p:spPr>
          <a:xfrm>
            <a:off x="5646272" y="5438663"/>
            <a:ext cx="934383" cy="646331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zh-CN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altLang="zh-CN" sz="3600" b="1" dirty="0">
                <a:solidFill>
                  <a:schemeClr val="bg1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4</a:t>
            </a:r>
            <a:endParaRPr lang="zh-CN" altLang="en-US" sz="3600" b="1" dirty="0">
              <a:solidFill>
                <a:schemeClr val="bg1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23" name="文本框 22"/>
          <p:cNvSpPr txBox="1"/>
          <p:nvPr/>
        </p:nvSpPr>
        <p:spPr>
          <a:xfrm>
            <a:off x="1015844" y="2508655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4" name="文本框 23"/>
          <p:cNvSpPr txBox="1"/>
          <p:nvPr/>
        </p:nvSpPr>
        <p:spPr>
          <a:xfrm>
            <a:off x="1015844" y="474283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5" name="文本框 24"/>
          <p:cNvSpPr txBox="1"/>
          <p:nvPr/>
        </p:nvSpPr>
        <p:spPr>
          <a:xfrm>
            <a:off x="8910994" y="251928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6" name="文本框 25"/>
          <p:cNvSpPr txBox="1"/>
          <p:nvPr/>
        </p:nvSpPr>
        <p:spPr>
          <a:xfrm>
            <a:off x="8910994" y="473313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613791933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900" decel="100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" presetID="37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900" decel="100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37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900" decel="100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37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900" decel="100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750"/>
                            </p:stCondLst>
                            <p:childTnLst>
                              <p:par>
                                <p:cTn id="30" presetID="1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2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4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19" grpId="0"/>
      <p:bldP spid="20" grpId="0"/>
      <p:bldP spid="21" grpId="0"/>
      <p:bldP spid="22" grpId="0"/>
      <p:bldP spid="23" grpId="0"/>
      <p:bldP spid="24" grpId="0"/>
      <p:bldP spid="25" grpId="0"/>
      <p:bldP spid="26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Group 53"/>
          <p:cNvGrpSpPr/>
          <p:nvPr/>
        </p:nvGrpSpPr>
        <p:grpSpPr>
          <a:xfrm>
            <a:off x="3870484" y="5434080"/>
            <a:ext cx="2756416" cy="1106425"/>
            <a:chOff x="1979461" y="5237441"/>
            <a:chExt cx="2756416" cy="1106425"/>
          </a:xfrm>
        </p:grpSpPr>
        <p:sp>
          <p:nvSpPr>
            <p:cNvPr id="16" name="Freeform 9"/>
            <p:cNvSpPr/>
            <p:nvPr/>
          </p:nvSpPr>
          <p:spPr>
            <a:xfrm flipH="1">
              <a:off x="1979461" y="5237441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7" name="Freeform 94"/>
            <p:cNvSpPr>
              <a:spLocks/>
            </p:cNvSpPr>
            <p:nvPr/>
          </p:nvSpPr>
          <p:spPr bwMode="auto">
            <a:xfrm>
              <a:off x="3934197" y="5564286"/>
              <a:ext cx="557245" cy="452735"/>
            </a:xfrm>
            <a:custGeom>
              <a:avLst/>
              <a:gdLst>
                <a:gd name="T0" fmla="*/ 506 w 564"/>
                <a:gd name="T1" fmla="*/ 115 h 458"/>
                <a:gd name="T2" fmla="*/ 507 w 564"/>
                <a:gd name="T3" fmla="*/ 129 h 458"/>
                <a:gd name="T4" fmla="*/ 178 w 564"/>
                <a:gd name="T5" fmla="*/ 458 h 458"/>
                <a:gd name="T6" fmla="*/ 0 w 564"/>
                <a:gd name="T7" fmla="*/ 406 h 458"/>
                <a:gd name="T8" fmla="*/ 28 w 564"/>
                <a:gd name="T9" fmla="*/ 408 h 458"/>
                <a:gd name="T10" fmla="*/ 172 w 564"/>
                <a:gd name="T11" fmla="*/ 359 h 458"/>
                <a:gd name="T12" fmla="*/ 64 w 564"/>
                <a:gd name="T13" fmla="*/ 278 h 458"/>
                <a:gd name="T14" fmla="*/ 85 w 564"/>
                <a:gd name="T15" fmla="*/ 280 h 458"/>
                <a:gd name="T16" fmla="*/ 116 w 564"/>
                <a:gd name="T17" fmla="*/ 276 h 458"/>
                <a:gd name="T18" fmla="*/ 23 w 564"/>
                <a:gd name="T19" fmla="*/ 163 h 458"/>
                <a:gd name="T20" fmla="*/ 23 w 564"/>
                <a:gd name="T21" fmla="*/ 162 h 458"/>
                <a:gd name="T22" fmla="*/ 76 w 564"/>
                <a:gd name="T23" fmla="*/ 176 h 458"/>
                <a:gd name="T24" fmla="*/ 24 w 564"/>
                <a:gd name="T25" fmla="*/ 80 h 458"/>
                <a:gd name="T26" fmla="*/ 40 w 564"/>
                <a:gd name="T27" fmla="*/ 22 h 458"/>
                <a:gd name="T28" fmla="*/ 278 w 564"/>
                <a:gd name="T29" fmla="*/ 142 h 458"/>
                <a:gd name="T30" fmla="*/ 275 w 564"/>
                <a:gd name="T31" fmla="*/ 116 h 458"/>
                <a:gd name="T32" fmla="*/ 391 w 564"/>
                <a:gd name="T33" fmla="*/ 0 h 458"/>
                <a:gd name="T34" fmla="*/ 475 w 564"/>
                <a:gd name="T35" fmla="*/ 37 h 458"/>
                <a:gd name="T36" fmla="*/ 548 w 564"/>
                <a:gd name="T37" fmla="*/ 9 h 458"/>
                <a:gd name="T38" fmla="*/ 498 w 564"/>
                <a:gd name="T39" fmla="*/ 73 h 458"/>
                <a:gd name="T40" fmla="*/ 564 w 564"/>
                <a:gd name="T41" fmla="*/ 55 h 458"/>
                <a:gd name="T42" fmla="*/ 506 w 564"/>
                <a:gd name="T43" fmla="*/ 115 h 4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564" h="458">
                  <a:moveTo>
                    <a:pt x="506" y="115"/>
                  </a:moveTo>
                  <a:cubicBezTo>
                    <a:pt x="506" y="120"/>
                    <a:pt x="507" y="124"/>
                    <a:pt x="507" y="129"/>
                  </a:cubicBezTo>
                  <a:cubicBezTo>
                    <a:pt x="507" y="282"/>
                    <a:pt x="390" y="458"/>
                    <a:pt x="178" y="458"/>
                  </a:cubicBezTo>
                  <a:cubicBezTo>
                    <a:pt x="112" y="458"/>
                    <a:pt x="52" y="439"/>
                    <a:pt x="0" y="406"/>
                  </a:cubicBezTo>
                  <a:cubicBezTo>
                    <a:pt x="10" y="408"/>
                    <a:pt x="19" y="408"/>
                    <a:pt x="28" y="408"/>
                  </a:cubicBezTo>
                  <a:cubicBezTo>
                    <a:pt x="82" y="408"/>
                    <a:pt x="132" y="390"/>
                    <a:pt x="172" y="359"/>
                  </a:cubicBezTo>
                  <a:cubicBezTo>
                    <a:pt x="121" y="358"/>
                    <a:pt x="78" y="324"/>
                    <a:pt x="64" y="278"/>
                  </a:cubicBezTo>
                  <a:cubicBezTo>
                    <a:pt x="71" y="280"/>
                    <a:pt x="78" y="280"/>
                    <a:pt x="85" y="280"/>
                  </a:cubicBezTo>
                  <a:cubicBezTo>
                    <a:pt x="96" y="280"/>
                    <a:pt x="106" y="279"/>
                    <a:pt x="116" y="276"/>
                  </a:cubicBezTo>
                  <a:cubicBezTo>
                    <a:pt x="63" y="266"/>
                    <a:pt x="23" y="219"/>
                    <a:pt x="23" y="163"/>
                  </a:cubicBezTo>
                  <a:cubicBezTo>
                    <a:pt x="23" y="162"/>
                    <a:pt x="23" y="162"/>
                    <a:pt x="23" y="162"/>
                  </a:cubicBezTo>
                  <a:cubicBezTo>
                    <a:pt x="39" y="170"/>
                    <a:pt x="57" y="175"/>
                    <a:pt x="76" y="176"/>
                  </a:cubicBezTo>
                  <a:cubicBezTo>
                    <a:pt x="44" y="155"/>
                    <a:pt x="24" y="120"/>
                    <a:pt x="24" y="80"/>
                  </a:cubicBezTo>
                  <a:cubicBezTo>
                    <a:pt x="24" y="59"/>
                    <a:pt x="30" y="39"/>
                    <a:pt x="40" y="22"/>
                  </a:cubicBezTo>
                  <a:cubicBezTo>
                    <a:pt x="97" y="92"/>
                    <a:pt x="182" y="138"/>
                    <a:pt x="278" y="142"/>
                  </a:cubicBezTo>
                  <a:cubicBezTo>
                    <a:pt x="276" y="134"/>
                    <a:pt x="275" y="125"/>
                    <a:pt x="275" y="116"/>
                  </a:cubicBezTo>
                  <a:cubicBezTo>
                    <a:pt x="275" y="52"/>
                    <a:pt x="327" y="0"/>
                    <a:pt x="391" y="0"/>
                  </a:cubicBezTo>
                  <a:cubicBezTo>
                    <a:pt x="424" y="0"/>
                    <a:pt x="454" y="15"/>
                    <a:pt x="475" y="37"/>
                  </a:cubicBezTo>
                  <a:cubicBezTo>
                    <a:pt x="501" y="32"/>
                    <a:pt x="526" y="22"/>
                    <a:pt x="548" y="9"/>
                  </a:cubicBezTo>
                  <a:cubicBezTo>
                    <a:pt x="540" y="36"/>
                    <a:pt x="521" y="59"/>
                    <a:pt x="498" y="73"/>
                  </a:cubicBezTo>
                  <a:cubicBezTo>
                    <a:pt x="521" y="70"/>
                    <a:pt x="543" y="64"/>
                    <a:pt x="564" y="55"/>
                  </a:cubicBezTo>
                  <a:cubicBezTo>
                    <a:pt x="548" y="78"/>
                    <a:pt x="529" y="98"/>
                    <a:pt x="506" y="115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18" name="TextBox 49"/>
            <p:cNvSpPr txBox="1"/>
            <p:nvPr/>
          </p:nvSpPr>
          <p:spPr>
            <a:xfrm>
              <a:off x="2351536" y="5605987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the title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9" name="Group 54"/>
          <p:cNvGrpSpPr/>
          <p:nvPr/>
        </p:nvGrpSpPr>
        <p:grpSpPr>
          <a:xfrm>
            <a:off x="5565100" y="4164232"/>
            <a:ext cx="2756416" cy="1106425"/>
            <a:chOff x="4461401" y="4131016"/>
            <a:chExt cx="2756416" cy="1106425"/>
          </a:xfrm>
        </p:grpSpPr>
        <p:sp>
          <p:nvSpPr>
            <p:cNvPr id="20" name="Freeform 14"/>
            <p:cNvSpPr/>
            <p:nvPr/>
          </p:nvSpPr>
          <p:spPr>
            <a:xfrm>
              <a:off x="4461401" y="4131016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grpSp>
          <p:nvGrpSpPr>
            <p:cNvPr id="21" name="Group 41"/>
            <p:cNvGrpSpPr/>
            <p:nvPr/>
          </p:nvGrpSpPr>
          <p:grpSpPr>
            <a:xfrm>
              <a:off x="4598469" y="4522646"/>
              <a:ext cx="782812" cy="323163"/>
              <a:chOff x="1187275" y="2452546"/>
              <a:chExt cx="861093" cy="355479"/>
            </a:xfrm>
            <a:solidFill>
              <a:schemeClr val="bg2"/>
            </a:solidFill>
          </p:grpSpPr>
          <p:sp>
            <p:nvSpPr>
              <p:cNvPr id="23" name="Freeform 102"/>
              <p:cNvSpPr>
                <a:spLocks/>
              </p:cNvSpPr>
              <p:nvPr/>
            </p:nvSpPr>
            <p:spPr bwMode="auto">
              <a:xfrm>
                <a:off x="1838312" y="2595950"/>
                <a:ext cx="30296" cy="119166"/>
              </a:xfrm>
              <a:custGeom>
                <a:avLst/>
                <a:gdLst>
                  <a:gd name="T0" fmla="*/ 10 w 19"/>
                  <a:gd name="T1" fmla="*/ 0 h 75"/>
                  <a:gd name="T2" fmla="*/ 0 w 19"/>
                  <a:gd name="T3" fmla="*/ 5 h 75"/>
                  <a:gd name="T4" fmla="*/ 0 w 19"/>
                  <a:gd name="T5" fmla="*/ 70 h 75"/>
                  <a:gd name="T6" fmla="*/ 10 w 19"/>
                  <a:gd name="T7" fmla="*/ 75 h 75"/>
                  <a:gd name="T8" fmla="*/ 19 w 19"/>
                  <a:gd name="T9" fmla="*/ 60 h 75"/>
                  <a:gd name="T10" fmla="*/ 19 w 19"/>
                  <a:gd name="T11" fmla="*/ 15 h 75"/>
                  <a:gd name="T12" fmla="*/ 10 w 19"/>
                  <a:gd name="T13" fmla="*/ 0 h 7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19" h="75">
                    <a:moveTo>
                      <a:pt x="10" y="0"/>
                    </a:moveTo>
                    <a:cubicBezTo>
                      <a:pt x="7" y="0"/>
                      <a:pt x="6" y="2"/>
                      <a:pt x="0" y="5"/>
                    </a:cubicBezTo>
                    <a:cubicBezTo>
                      <a:pt x="0" y="70"/>
                      <a:pt x="0" y="70"/>
                      <a:pt x="0" y="70"/>
                    </a:cubicBezTo>
                    <a:cubicBezTo>
                      <a:pt x="6" y="73"/>
                      <a:pt x="7" y="75"/>
                      <a:pt x="10" y="75"/>
                    </a:cubicBezTo>
                    <a:cubicBezTo>
                      <a:pt x="15" y="75"/>
                      <a:pt x="19" y="70"/>
                      <a:pt x="19" y="60"/>
                    </a:cubicBezTo>
                    <a:cubicBezTo>
                      <a:pt x="19" y="15"/>
                      <a:pt x="19" y="15"/>
                      <a:pt x="19" y="15"/>
                    </a:cubicBezTo>
                    <a:cubicBezTo>
                      <a:pt x="19" y="5"/>
                      <a:pt x="15" y="0"/>
                      <a:pt x="10" y="0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4" name="Freeform 103"/>
              <p:cNvSpPr>
                <a:spLocks/>
              </p:cNvSpPr>
              <p:nvPr/>
            </p:nvSpPr>
            <p:spPr bwMode="auto">
              <a:xfrm>
                <a:off x="1426280" y="2569019"/>
                <a:ext cx="92236" cy="175046"/>
              </a:xfrm>
              <a:custGeom>
                <a:avLst/>
                <a:gdLst>
                  <a:gd name="T0" fmla="*/ 39 w 58"/>
                  <a:gd name="T1" fmla="*/ 82 h 110"/>
                  <a:gd name="T2" fmla="*/ 24 w 58"/>
                  <a:gd name="T3" fmla="*/ 91 h 110"/>
                  <a:gd name="T4" fmla="*/ 20 w 58"/>
                  <a:gd name="T5" fmla="*/ 87 h 110"/>
                  <a:gd name="T6" fmla="*/ 19 w 58"/>
                  <a:gd name="T7" fmla="*/ 79 h 110"/>
                  <a:gd name="T8" fmla="*/ 19 w 58"/>
                  <a:gd name="T9" fmla="*/ 0 h 110"/>
                  <a:gd name="T10" fmla="*/ 0 w 58"/>
                  <a:gd name="T11" fmla="*/ 0 h 110"/>
                  <a:gd name="T12" fmla="*/ 0 w 58"/>
                  <a:gd name="T13" fmla="*/ 85 h 110"/>
                  <a:gd name="T14" fmla="*/ 1 w 58"/>
                  <a:gd name="T15" fmla="*/ 101 h 110"/>
                  <a:gd name="T16" fmla="*/ 15 w 58"/>
                  <a:gd name="T17" fmla="*/ 109 h 110"/>
                  <a:gd name="T18" fmla="*/ 39 w 58"/>
                  <a:gd name="T19" fmla="*/ 96 h 110"/>
                  <a:gd name="T20" fmla="*/ 39 w 58"/>
                  <a:gd name="T21" fmla="*/ 110 h 110"/>
                  <a:gd name="T22" fmla="*/ 58 w 58"/>
                  <a:gd name="T23" fmla="*/ 110 h 110"/>
                  <a:gd name="T24" fmla="*/ 58 w 58"/>
                  <a:gd name="T25" fmla="*/ 0 h 110"/>
                  <a:gd name="T26" fmla="*/ 39 w 58"/>
                  <a:gd name="T27" fmla="*/ 0 h 110"/>
                  <a:gd name="T28" fmla="*/ 39 w 58"/>
                  <a:gd name="T29" fmla="*/ 82 h 1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</a:cxnLst>
                <a:rect l="0" t="0" r="r" b="b"/>
                <a:pathLst>
                  <a:path w="58" h="110">
                    <a:moveTo>
                      <a:pt x="39" y="82"/>
                    </a:moveTo>
                    <a:cubicBezTo>
                      <a:pt x="32" y="88"/>
                      <a:pt x="28" y="91"/>
                      <a:pt x="24" y="91"/>
                    </a:cubicBezTo>
                    <a:cubicBezTo>
                      <a:pt x="22" y="91"/>
                      <a:pt x="20" y="90"/>
                      <a:pt x="20" y="87"/>
                    </a:cubicBezTo>
                    <a:cubicBezTo>
                      <a:pt x="19" y="86"/>
                      <a:pt x="19" y="84"/>
                      <a:pt x="19" y="79"/>
                    </a:cubicBezTo>
                    <a:cubicBezTo>
                      <a:pt x="19" y="0"/>
                      <a:pt x="19" y="0"/>
                      <a:pt x="19" y="0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0" y="85"/>
                      <a:pt x="0" y="85"/>
                      <a:pt x="0" y="85"/>
                    </a:cubicBezTo>
                    <a:cubicBezTo>
                      <a:pt x="0" y="93"/>
                      <a:pt x="0" y="98"/>
                      <a:pt x="1" y="101"/>
                    </a:cubicBezTo>
                    <a:cubicBezTo>
                      <a:pt x="3" y="107"/>
                      <a:pt x="9" y="109"/>
                      <a:pt x="15" y="109"/>
                    </a:cubicBezTo>
                    <a:cubicBezTo>
                      <a:pt x="22" y="109"/>
                      <a:pt x="32" y="105"/>
                      <a:pt x="39" y="96"/>
                    </a:cubicBezTo>
                    <a:cubicBezTo>
                      <a:pt x="39" y="110"/>
                      <a:pt x="39" y="110"/>
                      <a:pt x="39" y="110"/>
                    </a:cubicBezTo>
                    <a:cubicBezTo>
                      <a:pt x="58" y="110"/>
                      <a:pt x="58" y="110"/>
                      <a:pt x="58" y="110"/>
                    </a:cubicBezTo>
                    <a:cubicBezTo>
                      <a:pt x="58" y="0"/>
                      <a:pt x="58" y="0"/>
                      <a:pt x="58" y="0"/>
                    </a:cubicBezTo>
                    <a:cubicBezTo>
                      <a:pt x="39" y="0"/>
                      <a:pt x="39" y="0"/>
                      <a:pt x="39" y="0"/>
                    </a:cubicBezTo>
                    <a:lnTo>
                      <a:pt x="39" y="82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5" name="Freeform 104"/>
              <p:cNvSpPr>
                <a:spLocks noEditPoints="1"/>
              </p:cNvSpPr>
              <p:nvPr/>
            </p:nvSpPr>
            <p:spPr bwMode="auto">
              <a:xfrm>
                <a:off x="1313173" y="2567673"/>
                <a:ext cx="92236" cy="175046"/>
              </a:xfrm>
              <a:custGeom>
                <a:avLst/>
                <a:gdLst>
                  <a:gd name="T0" fmla="*/ 24 w 58"/>
                  <a:gd name="T1" fmla="*/ 0 h 110"/>
                  <a:gd name="T2" fmla="*/ 4 w 58"/>
                  <a:gd name="T3" fmla="*/ 11 h 110"/>
                  <a:gd name="T4" fmla="*/ 0 w 58"/>
                  <a:gd name="T5" fmla="*/ 36 h 110"/>
                  <a:gd name="T6" fmla="*/ 0 w 58"/>
                  <a:gd name="T7" fmla="*/ 74 h 110"/>
                  <a:gd name="T8" fmla="*/ 4 w 58"/>
                  <a:gd name="T9" fmla="*/ 99 h 110"/>
                  <a:gd name="T10" fmla="*/ 25 w 58"/>
                  <a:gd name="T11" fmla="*/ 110 h 110"/>
                  <a:gd name="T12" fmla="*/ 50 w 58"/>
                  <a:gd name="T13" fmla="*/ 99 h 110"/>
                  <a:gd name="T14" fmla="*/ 58 w 58"/>
                  <a:gd name="T15" fmla="*/ 74 h 110"/>
                  <a:gd name="T16" fmla="*/ 58 w 58"/>
                  <a:gd name="T17" fmla="*/ 36 h 110"/>
                  <a:gd name="T18" fmla="*/ 49 w 58"/>
                  <a:gd name="T19" fmla="*/ 11 h 110"/>
                  <a:gd name="T20" fmla="*/ 24 w 58"/>
                  <a:gd name="T21" fmla="*/ 0 h 110"/>
                  <a:gd name="T22" fmla="*/ 38 w 58"/>
                  <a:gd name="T23" fmla="*/ 77 h 110"/>
                  <a:gd name="T24" fmla="*/ 29 w 58"/>
                  <a:gd name="T25" fmla="*/ 92 h 110"/>
                  <a:gd name="T26" fmla="*/ 19 w 58"/>
                  <a:gd name="T27" fmla="*/ 77 h 110"/>
                  <a:gd name="T28" fmla="*/ 19 w 58"/>
                  <a:gd name="T29" fmla="*/ 32 h 110"/>
                  <a:gd name="T30" fmla="*/ 29 w 58"/>
                  <a:gd name="T31" fmla="*/ 17 h 110"/>
                  <a:gd name="T32" fmla="*/ 38 w 58"/>
                  <a:gd name="T33" fmla="*/ 32 h 110"/>
                  <a:gd name="T34" fmla="*/ 38 w 58"/>
                  <a:gd name="T35" fmla="*/ 77 h 1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</a:cxnLst>
                <a:rect l="0" t="0" r="r" b="b"/>
                <a:pathLst>
                  <a:path w="58" h="110">
                    <a:moveTo>
                      <a:pt x="24" y="0"/>
                    </a:moveTo>
                    <a:cubicBezTo>
                      <a:pt x="15" y="0"/>
                      <a:pt x="9" y="3"/>
                      <a:pt x="4" y="11"/>
                    </a:cubicBezTo>
                    <a:cubicBezTo>
                      <a:pt x="0" y="16"/>
                      <a:pt x="0" y="25"/>
                      <a:pt x="0" y="36"/>
                    </a:cubicBezTo>
                    <a:cubicBezTo>
                      <a:pt x="0" y="74"/>
                      <a:pt x="0" y="74"/>
                      <a:pt x="0" y="74"/>
                    </a:cubicBezTo>
                    <a:cubicBezTo>
                      <a:pt x="0" y="85"/>
                      <a:pt x="0" y="94"/>
                      <a:pt x="4" y="99"/>
                    </a:cubicBezTo>
                    <a:cubicBezTo>
                      <a:pt x="9" y="106"/>
                      <a:pt x="16" y="110"/>
                      <a:pt x="25" y="110"/>
                    </a:cubicBezTo>
                    <a:cubicBezTo>
                      <a:pt x="35" y="110"/>
                      <a:pt x="45" y="106"/>
                      <a:pt x="50" y="99"/>
                    </a:cubicBezTo>
                    <a:cubicBezTo>
                      <a:pt x="54" y="94"/>
                      <a:pt x="58" y="85"/>
                      <a:pt x="58" y="74"/>
                    </a:cubicBezTo>
                    <a:cubicBezTo>
                      <a:pt x="58" y="36"/>
                      <a:pt x="58" y="36"/>
                      <a:pt x="58" y="36"/>
                    </a:cubicBezTo>
                    <a:cubicBezTo>
                      <a:pt x="58" y="25"/>
                      <a:pt x="54" y="16"/>
                      <a:pt x="49" y="11"/>
                    </a:cubicBezTo>
                    <a:cubicBezTo>
                      <a:pt x="44" y="3"/>
                      <a:pt x="34" y="0"/>
                      <a:pt x="24" y="0"/>
                    </a:cubicBezTo>
                    <a:close/>
                    <a:moveTo>
                      <a:pt x="38" y="77"/>
                    </a:moveTo>
                    <a:cubicBezTo>
                      <a:pt x="38" y="87"/>
                      <a:pt x="35" y="92"/>
                      <a:pt x="29" y="92"/>
                    </a:cubicBezTo>
                    <a:cubicBezTo>
                      <a:pt x="22" y="92"/>
                      <a:pt x="19" y="87"/>
                      <a:pt x="19" y="77"/>
                    </a:cubicBezTo>
                    <a:cubicBezTo>
                      <a:pt x="19" y="32"/>
                      <a:pt x="19" y="32"/>
                      <a:pt x="19" y="32"/>
                    </a:cubicBezTo>
                    <a:cubicBezTo>
                      <a:pt x="19" y="22"/>
                      <a:pt x="22" y="17"/>
                      <a:pt x="29" y="17"/>
                    </a:cubicBezTo>
                    <a:cubicBezTo>
                      <a:pt x="35" y="17"/>
                      <a:pt x="38" y="22"/>
                      <a:pt x="38" y="32"/>
                    </a:cubicBezTo>
                    <a:lnTo>
                      <a:pt x="38" y="77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6" name="Freeform 105"/>
              <p:cNvSpPr>
                <a:spLocks/>
              </p:cNvSpPr>
              <p:nvPr/>
            </p:nvSpPr>
            <p:spPr bwMode="auto">
              <a:xfrm>
                <a:off x="1951419" y="2595950"/>
                <a:ext cx="30296" cy="44435"/>
              </a:xfrm>
              <a:custGeom>
                <a:avLst/>
                <a:gdLst>
                  <a:gd name="T0" fmla="*/ 9 w 19"/>
                  <a:gd name="T1" fmla="*/ 0 h 28"/>
                  <a:gd name="T2" fmla="*/ 0 w 19"/>
                  <a:gd name="T3" fmla="*/ 15 h 28"/>
                  <a:gd name="T4" fmla="*/ 0 w 19"/>
                  <a:gd name="T5" fmla="*/ 28 h 28"/>
                  <a:gd name="T6" fmla="*/ 19 w 19"/>
                  <a:gd name="T7" fmla="*/ 28 h 28"/>
                  <a:gd name="T8" fmla="*/ 19 w 19"/>
                  <a:gd name="T9" fmla="*/ 15 h 28"/>
                  <a:gd name="T10" fmla="*/ 9 w 19"/>
                  <a:gd name="T11" fmla="*/ 0 h 2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9" h="28">
                    <a:moveTo>
                      <a:pt x="9" y="0"/>
                    </a:moveTo>
                    <a:cubicBezTo>
                      <a:pt x="3" y="0"/>
                      <a:pt x="0" y="5"/>
                      <a:pt x="0" y="15"/>
                    </a:cubicBezTo>
                    <a:cubicBezTo>
                      <a:pt x="0" y="28"/>
                      <a:pt x="0" y="28"/>
                      <a:pt x="0" y="28"/>
                    </a:cubicBezTo>
                    <a:cubicBezTo>
                      <a:pt x="19" y="28"/>
                      <a:pt x="19" y="28"/>
                      <a:pt x="19" y="28"/>
                    </a:cubicBezTo>
                    <a:cubicBezTo>
                      <a:pt x="19" y="15"/>
                      <a:pt x="19" y="15"/>
                      <a:pt x="19" y="15"/>
                    </a:cubicBezTo>
                    <a:cubicBezTo>
                      <a:pt x="19" y="5"/>
                      <a:pt x="16" y="0"/>
                      <a:pt x="9" y="0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7" name="Freeform 106"/>
              <p:cNvSpPr>
                <a:spLocks noEditPoints="1"/>
              </p:cNvSpPr>
              <p:nvPr/>
            </p:nvSpPr>
            <p:spPr bwMode="auto">
              <a:xfrm>
                <a:off x="1539387" y="2452546"/>
                <a:ext cx="508981" cy="355479"/>
              </a:xfrm>
              <a:custGeom>
                <a:avLst/>
                <a:gdLst>
                  <a:gd name="T0" fmla="*/ 160 w 320"/>
                  <a:gd name="T1" fmla="*/ 0 h 223"/>
                  <a:gd name="T2" fmla="*/ 6 w 320"/>
                  <a:gd name="T3" fmla="*/ 36 h 223"/>
                  <a:gd name="T4" fmla="*/ 6 w 320"/>
                  <a:gd name="T5" fmla="*/ 187 h 223"/>
                  <a:gd name="T6" fmla="*/ 160 w 320"/>
                  <a:gd name="T7" fmla="*/ 223 h 223"/>
                  <a:gd name="T8" fmla="*/ 314 w 320"/>
                  <a:gd name="T9" fmla="*/ 187 h 223"/>
                  <a:gd name="T10" fmla="*/ 314 w 320"/>
                  <a:gd name="T11" fmla="*/ 36 h 223"/>
                  <a:gd name="T12" fmla="*/ 97 w 320"/>
                  <a:gd name="T13" fmla="*/ 60 h 223"/>
                  <a:gd name="T14" fmla="*/ 71 w 320"/>
                  <a:gd name="T15" fmla="*/ 183 h 223"/>
                  <a:gd name="T16" fmla="*/ 52 w 320"/>
                  <a:gd name="T17" fmla="*/ 60 h 223"/>
                  <a:gd name="T18" fmla="*/ 26 w 320"/>
                  <a:gd name="T19" fmla="*/ 40 h 223"/>
                  <a:gd name="T20" fmla="*/ 97 w 320"/>
                  <a:gd name="T21" fmla="*/ 60 h 223"/>
                  <a:gd name="T22" fmla="*/ 136 w 320"/>
                  <a:gd name="T23" fmla="*/ 183 h 223"/>
                  <a:gd name="T24" fmla="*/ 111 w 320"/>
                  <a:gd name="T25" fmla="*/ 182 h 223"/>
                  <a:gd name="T26" fmla="*/ 97 w 320"/>
                  <a:gd name="T27" fmla="*/ 158 h 223"/>
                  <a:gd name="T28" fmla="*/ 116 w 320"/>
                  <a:gd name="T29" fmla="*/ 73 h 223"/>
                  <a:gd name="T30" fmla="*/ 115 w 320"/>
                  <a:gd name="T31" fmla="*/ 160 h 223"/>
                  <a:gd name="T32" fmla="*/ 136 w 320"/>
                  <a:gd name="T33" fmla="*/ 156 h 223"/>
                  <a:gd name="T34" fmla="*/ 155 w 320"/>
                  <a:gd name="T35" fmla="*/ 73 h 223"/>
                  <a:gd name="T36" fmla="*/ 226 w 320"/>
                  <a:gd name="T37" fmla="*/ 149 h 223"/>
                  <a:gd name="T38" fmla="*/ 207 w 320"/>
                  <a:gd name="T39" fmla="*/ 182 h 223"/>
                  <a:gd name="T40" fmla="*/ 188 w 320"/>
                  <a:gd name="T41" fmla="*/ 183 h 223"/>
                  <a:gd name="T42" fmla="*/ 168 w 320"/>
                  <a:gd name="T43" fmla="*/ 40 h 223"/>
                  <a:gd name="T44" fmla="*/ 188 w 320"/>
                  <a:gd name="T45" fmla="*/ 84 h 223"/>
                  <a:gd name="T46" fmla="*/ 223 w 320"/>
                  <a:gd name="T47" fmla="*/ 85 h 223"/>
                  <a:gd name="T48" fmla="*/ 226 w 320"/>
                  <a:gd name="T49" fmla="*/ 149 h 223"/>
                  <a:gd name="T50" fmla="*/ 259 w 320"/>
                  <a:gd name="T51" fmla="*/ 131 h 223"/>
                  <a:gd name="T52" fmla="*/ 268 w 320"/>
                  <a:gd name="T53" fmla="*/ 165 h 223"/>
                  <a:gd name="T54" fmla="*/ 276 w 320"/>
                  <a:gd name="T55" fmla="*/ 144 h 223"/>
                  <a:gd name="T56" fmla="*/ 298 w 320"/>
                  <a:gd name="T57" fmla="*/ 147 h 223"/>
                  <a:gd name="T58" fmla="*/ 291 w 320"/>
                  <a:gd name="T59" fmla="*/ 171 h 223"/>
                  <a:gd name="T60" fmla="*/ 245 w 320"/>
                  <a:gd name="T61" fmla="*/ 171 h 223"/>
                  <a:gd name="T62" fmla="*/ 239 w 320"/>
                  <a:gd name="T63" fmla="*/ 109 h 223"/>
                  <a:gd name="T64" fmla="*/ 267 w 320"/>
                  <a:gd name="T65" fmla="*/ 73 h 223"/>
                  <a:gd name="T66" fmla="*/ 298 w 320"/>
                  <a:gd name="T67" fmla="*/ 109 h 22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</a:cxnLst>
                <a:rect l="0" t="0" r="r" b="b"/>
                <a:pathLst>
                  <a:path w="320" h="223">
                    <a:moveTo>
                      <a:pt x="280" y="5"/>
                    </a:moveTo>
                    <a:cubicBezTo>
                      <a:pt x="240" y="0"/>
                      <a:pt x="200" y="0"/>
                      <a:pt x="160" y="0"/>
                    </a:cubicBezTo>
                    <a:cubicBezTo>
                      <a:pt x="120" y="0"/>
                      <a:pt x="80" y="0"/>
                      <a:pt x="41" y="5"/>
                    </a:cubicBezTo>
                    <a:cubicBezTo>
                      <a:pt x="24" y="7"/>
                      <a:pt x="10" y="19"/>
                      <a:pt x="6" y="36"/>
                    </a:cubicBezTo>
                    <a:cubicBezTo>
                      <a:pt x="1" y="60"/>
                      <a:pt x="0" y="87"/>
                      <a:pt x="0" y="112"/>
                    </a:cubicBezTo>
                    <a:cubicBezTo>
                      <a:pt x="0" y="136"/>
                      <a:pt x="0" y="163"/>
                      <a:pt x="6" y="187"/>
                    </a:cubicBezTo>
                    <a:cubicBezTo>
                      <a:pt x="10" y="204"/>
                      <a:pt x="24" y="217"/>
                      <a:pt x="41" y="218"/>
                    </a:cubicBezTo>
                    <a:cubicBezTo>
                      <a:pt x="80" y="223"/>
                      <a:pt x="120" y="223"/>
                      <a:pt x="160" y="223"/>
                    </a:cubicBezTo>
                    <a:cubicBezTo>
                      <a:pt x="200" y="223"/>
                      <a:pt x="240" y="223"/>
                      <a:pt x="280" y="218"/>
                    </a:cubicBezTo>
                    <a:cubicBezTo>
                      <a:pt x="296" y="217"/>
                      <a:pt x="310" y="204"/>
                      <a:pt x="314" y="187"/>
                    </a:cubicBezTo>
                    <a:cubicBezTo>
                      <a:pt x="320" y="163"/>
                      <a:pt x="320" y="136"/>
                      <a:pt x="320" y="112"/>
                    </a:cubicBezTo>
                    <a:cubicBezTo>
                      <a:pt x="320" y="87"/>
                      <a:pt x="320" y="60"/>
                      <a:pt x="314" y="36"/>
                    </a:cubicBezTo>
                    <a:cubicBezTo>
                      <a:pt x="310" y="19"/>
                      <a:pt x="296" y="7"/>
                      <a:pt x="280" y="5"/>
                    </a:cubicBezTo>
                    <a:close/>
                    <a:moveTo>
                      <a:pt x="97" y="60"/>
                    </a:moveTo>
                    <a:cubicBezTo>
                      <a:pt x="71" y="60"/>
                      <a:pt x="71" y="60"/>
                      <a:pt x="71" y="60"/>
                    </a:cubicBezTo>
                    <a:cubicBezTo>
                      <a:pt x="71" y="183"/>
                      <a:pt x="71" y="183"/>
                      <a:pt x="71" y="183"/>
                    </a:cubicBezTo>
                    <a:cubicBezTo>
                      <a:pt x="52" y="183"/>
                      <a:pt x="52" y="183"/>
                      <a:pt x="52" y="183"/>
                    </a:cubicBezTo>
                    <a:cubicBezTo>
                      <a:pt x="52" y="60"/>
                      <a:pt x="52" y="60"/>
                      <a:pt x="52" y="60"/>
                    </a:cubicBezTo>
                    <a:cubicBezTo>
                      <a:pt x="26" y="60"/>
                      <a:pt x="26" y="60"/>
                      <a:pt x="26" y="60"/>
                    </a:cubicBezTo>
                    <a:cubicBezTo>
                      <a:pt x="26" y="40"/>
                      <a:pt x="26" y="40"/>
                      <a:pt x="26" y="40"/>
                    </a:cubicBezTo>
                    <a:cubicBezTo>
                      <a:pt x="97" y="40"/>
                      <a:pt x="97" y="40"/>
                      <a:pt x="97" y="40"/>
                    </a:cubicBezTo>
                    <a:lnTo>
                      <a:pt x="97" y="60"/>
                    </a:lnTo>
                    <a:close/>
                    <a:moveTo>
                      <a:pt x="155" y="183"/>
                    </a:moveTo>
                    <a:cubicBezTo>
                      <a:pt x="136" y="183"/>
                      <a:pt x="136" y="183"/>
                      <a:pt x="136" y="183"/>
                    </a:cubicBezTo>
                    <a:cubicBezTo>
                      <a:pt x="136" y="169"/>
                      <a:pt x="136" y="169"/>
                      <a:pt x="136" y="169"/>
                    </a:cubicBezTo>
                    <a:cubicBezTo>
                      <a:pt x="123" y="178"/>
                      <a:pt x="118" y="182"/>
                      <a:pt x="111" y="182"/>
                    </a:cubicBezTo>
                    <a:cubicBezTo>
                      <a:pt x="105" y="182"/>
                      <a:pt x="101" y="180"/>
                      <a:pt x="99" y="174"/>
                    </a:cubicBezTo>
                    <a:cubicBezTo>
                      <a:pt x="98" y="171"/>
                      <a:pt x="97" y="166"/>
                      <a:pt x="97" y="158"/>
                    </a:cubicBezTo>
                    <a:cubicBezTo>
                      <a:pt x="97" y="73"/>
                      <a:pt x="97" y="73"/>
                      <a:pt x="97" y="73"/>
                    </a:cubicBezTo>
                    <a:cubicBezTo>
                      <a:pt x="116" y="73"/>
                      <a:pt x="116" y="73"/>
                      <a:pt x="116" y="73"/>
                    </a:cubicBezTo>
                    <a:cubicBezTo>
                      <a:pt x="116" y="153"/>
                      <a:pt x="116" y="153"/>
                      <a:pt x="116" y="153"/>
                    </a:cubicBezTo>
                    <a:cubicBezTo>
                      <a:pt x="116" y="157"/>
                      <a:pt x="115" y="159"/>
                      <a:pt x="115" y="160"/>
                    </a:cubicBezTo>
                    <a:cubicBezTo>
                      <a:pt x="116" y="163"/>
                      <a:pt x="119" y="165"/>
                      <a:pt x="122" y="165"/>
                    </a:cubicBezTo>
                    <a:cubicBezTo>
                      <a:pt x="126" y="165"/>
                      <a:pt x="129" y="162"/>
                      <a:pt x="136" y="156"/>
                    </a:cubicBezTo>
                    <a:cubicBezTo>
                      <a:pt x="136" y="73"/>
                      <a:pt x="136" y="73"/>
                      <a:pt x="136" y="73"/>
                    </a:cubicBezTo>
                    <a:cubicBezTo>
                      <a:pt x="155" y="73"/>
                      <a:pt x="155" y="73"/>
                      <a:pt x="155" y="73"/>
                    </a:cubicBezTo>
                    <a:lnTo>
                      <a:pt x="155" y="183"/>
                    </a:lnTo>
                    <a:close/>
                    <a:moveTo>
                      <a:pt x="226" y="149"/>
                    </a:moveTo>
                    <a:cubicBezTo>
                      <a:pt x="226" y="159"/>
                      <a:pt x="224" y="166"/>
                      <a:pt x="223" y="170"/>
                    </a:cubicBezTo>
                    <a:cubicBezTo>
                      <a:pt x="220" y="178"/>
                      <a:pt x="215" y="182"/>
                      <a:pt x="207" y="182"/>
                    </a:cubicBezTo>
                    <a:cubicBezTo>
                      <a:pt x="201" y="182"/>
                      <a:pt x="194" y="178"/>
                      <a:pt x="188" y="170"/>
                    </a:cubicBezTo>
                    <a:cubicBezTo>
                      <a:pt x="188" y="183"/>
                      <a:pt x="188" y="183"/>
                      <a:pt x="188" y="183"/>
                    </a:cubicBezTo>
                    <a:cubicBezTo>
                      <a:pt x="168" y="183"/>
                      <a:pt x="168" y="183"/>
                      <a:pt x="168" y="183"/>
                    </a:cubicBezTo>
                    <a:cubicBezTo>
                      <a:pt x="168" y="40"/>
                      <a:pt x="168" y="40"/>
                      <a:pt x="168" y="40"/>
                    </a:cubicBezTo>
                    <a:cubicBezTo>
                      <a:pt x="188" y="40"/>
                      <a:pt x="188" y="40"/>
                      <a:pt x="188" y="40"/>
                    </a:cubicBezTo>
                    <a:cubicBezTo>
                      <a:pt x="188" y="84"/>
                      <a:pt x="188" y="84"/>
                      <a:pt x="188" y="84"/>
                    </a:cubicBezTo>
                    <a:cubicBezTo>
                      <a:pt x="194" y="77"/>
                      <a:pt x="200" y="73"/>
                      <a:pt x="207" y="73"/>
                    </a:cubicBezTo>
                    <a:cubicBezTo>
                      <a:pt x="214" y="73"/>
                      <a:pt x="221" y="77"/>
                      <a:pt x="223" y="85"/>
                    </a:cubicBezTo>
                    <a:cubicBezTo>
                      <a:pt x="225" y="89"/>
                      <a:pt x="226" y="96"/>
                      <a:pt x="226" y="106"/>
                    </a:cubicBezTo>
                    <a:lnTo>
                      <a:pt x="226" y="149"/>
                    </a:lnTo>
                    <a:close/>
                    <a:moveTo>
                      <a:pt x="298" y="131"/>
                    </a:moveTo>
                    <a:cubicBezTo>
                      <a:pt x="259" y="131"/>
                      <a:pt x="259" y="131"/>
                      <a:pt x="259" y="131"/>
                    </a:cubicBezTo>
                    <a:cubicBezTo>
                      <a:pt x="259" y="150"/>
                      <a:pt x="259" y="150"/>
                      <a:pt x="259" y="150"/>
                    </a:cubicBezTo>
                    <a:cubicBezTo>
                      <a:pt x="259" y="160"/>
                      <a:pt x="261" y="165"/>
                      <a:pt x="268" y="165"/>
                    </a:cubicBezTo>
                    <a:cubicBezTo>
                      <a:pt x="273" y="165"/>
                      <a:pt x="275" y="162"/>
                      <a:pt x="276" y="157"/>
                    </a:cubicBezTo>
                    <a:cubicBezTo>
                      <a:pt x="276" y="156"/>
                      <a:pt x="276" y="150"/>
                      <a:pt x="276" y="144"/>
                    </a:cubicBezTo>
                    <a:cubicBezTo>
                      <a:pt x="298" y="144"/>
                      <a:pt x="298" y="144"/>
                      <a:pt x="298" y="144"/>
                    </a:cubicBezTo>
                    <a:cubicBezTo>
                      <a:pt x="298" y="147"/>
                      <a:pt x="298" y="147"/>
                      <a:pt x="298" y="147"/>
                    </a:cubicBezTo>
                    <a:cubicBezTo>
                      <a:pt x="298" y="153"/>
                      <a:pt x="296" y="157"/>
                      <a:pt x="296" y="159"/>
                    </a:cubicBezTo>
                    <a:cubicBezTo>
                      <a:pt x="296" y="163"/>
                      <a:pt x="294" y="167"/>
                      <a:pt x="291" y="171"/>
                    </a:cubicBezTo>
                    <a:cubicBezTo>
                      <a:pt x="286" y="178"/>
                      <a:pt x="278" y="182"/>
                      <a:pt x="268" y="182"/>
                    </a:cubicBezTo>
                    <a:cubicBezTo>
                      <a:pt x="258" y="182"/>
                      <a:pt x="251" y="178"/>
                      <a:pt x="245" y="171"/>
                    </a:cubicBezTo>
                    <a:cubicBezTo>
                      <a:pt x="241" y="166"/>
                      <a:pt x="239" y="157"/>
                      <a:pt x="239" y="146"/>
                    </a:cubicBezTo>
                    <a:cubicBezTo>
                      <a:pt x="239" y="109"/>
                      <a:pt x="239" y="109"/>
                      <a:pt x="239" y="109"/>
                    </a:cubicBezTo>
                    <a:cubicBezTo>
                      <a:pt x="239" y="98"/>
                      <a:pt x="241" y="89"/>
                      <a:pt x="245" y="84"/>
                    </a:cubicBezTo>
                    <a:cubicBezTo>
                      <a:pt x="250" y="77"/>
                      <a:pt x="258" y="73"/>
                      <a:pt x="267" y="73"/>
                    </a:cubicBezTo>
                    <a:cubicBezTo>
                      <a:pt x="277" y="73"/>
                      <a:pt x="285" y="77"/>
                      <a:pt x="291" y="84"/>
                    </a:cubicBezTo>
                    <a:cubicBezTo>
                      <a:pt x="295" y="89"/>
                      <a:pt x="298" y="98"/>
                      <a:pt x="298" y="109"/>
                    </a:cubicBezTo>
                    <a:lnTo>
                      <a:pt x="298" y="131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  <p:sp>
            <p:nvSpPr>
              <p:cNvPr id="28" name="Freeform 107"/>
              <p:cNvSpPr>
                <a:spLocks/>
              </p:cNvSpPr>
              <p:nvPr/>
            </p:nvSpPr>
            <p:spPr bwMode="auto">
              <a:xfrm>
                <a:off x="1187275" y="2507080"/>
                <a:ext cx="119839" cy="236986"/>
              </a:xfrm>
              <a:custGeom>
                <a:avLst/>
                <a:gdLst>
                  <a:gd name="T0" fmla="*/ 38 w 75"/>
                  <a:gd name="T1" fmla="*/ 57 h 149"/>
                  <a:gd name="T2" fmla="*/ 23 w 75"/>
                  <a:gd name="T3" fmla="*/ 0 h 149"/>
                  <a:gd name="T4" fmla="*/ 0 w 75"/>
                  <a:gd name="T5" fmla="*/ 0 h 149"/>
                  <a:gd name="T6" fmla="*/ 14 w 75"/>
                  <a:gd name="T7" fmla="*/ 41 h 149"/>
                  <a:gd name="T8" fmla="*/ 27 w 75"/>
                  <a:gd name="T9" fmla="*/ 88 h 149"/>
                  <a:gd name="T10" fmla="*/ 27 w 75"/>
                  <a:gd name="T11" fmla="*/ 149 h 149"/>
                  <a:gd name="T12" fmla="*/ 53 w 75"/>
                  <a:gd name="T13" fmla="*/ 149 h 149"/>
                  <a:gd name="T14" fmla="*/ 53 w 75"/>
                  <a:gd name="T15" fmla="*/ 88 h 149"/>
                  <a:gd name="T16" fmla="*/ 75 w 75"/>
                  <a:gd name="T17" fmla="*/ 0 h 149"/>
                  <a:gd name="T18" fmla="*/ 53 w 75"/>
                  <a:gd name="T19" fmla="*/ 0 h 149"/>
                  <a:gd name="T20" fmla="*/ 38 w 75"/>
                  <a:gd name="T21" fmla="*/ 57 h 14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9">
                    <a:moveTo>
                      <a:pt x="38" y="57"/>
                    </a:moveTo>
                    <a:cubicBezTo>
                      <a:pt x="23" y="0"/>
                      <a:pt x="23" y="0"/>
                      <a:pt x="23" y="0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4" y="13"/>
                      <a:pt x="9" y="28"/>
                      <a:pt x="14" y="41"/>
                    </a:cubicBezTo>
                    <a:cubicBezTo>
                      <a:pt x="21" y="61"/>
                      <a:pt x="27" y="78"/>
                      <a:pt x="27" y="88"/>
                    </a:cubicBezTo>
                    <a:cubicBezTo>
                      <a:pt x="27" y="149"/>
                      <a:pt x="27" y="149"/>
                      <a:pt x="27" y="149"/>
                    </a:cubicBezTo>
                    <a:cubicBezTo>
                      <a:pt x="53" y="149"/>
                      <a:pt x="53" y="149"/>
                      <a:pt x="53" y="149"/>
                    </a:cubicBezTo>
                    <a:cubicBezTo>
                      <a:pt x="53" y="88"/>
                      <a:pt x="53" y="88"/>
                      <a:pt x="53" y="88"/>
                    </a:cubicBezTo>
                    <a:cubicBezTo>
                      <a:pt x="75" y="0"/>
                      <a:pt x="75" y="0"/>
                      <a:pt x="75" y="0"/>
                    </a:cubicBezTo>
                    <a:cubicBezTo>
                      <a:pt x="53" y="0"/>
                      <a:pt x="53" y="0"/>
                      <a:pt x="53" y="0"/>
                    </a:cubicBezTo>
                    <a:lnTo>
                      <a:pt x="38" y="57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GB">
                  <a:latin typeface="Arial" panose="020B0604020202020204" pitchFamily="34" charset="0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22" name="TextBox 50"/>
            <p:cNvSpPr txBox="1"/>
            <p:nvPr/>
          </p:nvSpPr>
          <p:spPr>
            <a:xfrm>
              <a:off x="5502792" y="4488544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the title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9" name="Group 55"/>
          <p:cNvGrpSpPr/>
          <p:nvPr/>
        </p:nvGrpSpPr>
        <p:grpSpPr>
          <a:xfrm>
            <a:off x="5565100" y="1618998"/>
            <a:ext cx="2756416" cy="1106425"/>
            <a:chOff x="6556634" y="3024592"/>
            <a:chExt cx="2756416" cy="1106425"/>
          </a:xfrm>
        </p:grpSpPr>
        <p:sp>
          <p:nvSpPr>
            <p:cNvPr id="30" name="Freeform 15"/>
            <p:cNvSpPr/>
            <p:nvPr/>
          </p:nvSpPr>
          <p:spPr>
            <a:xfrm>
              <a:off x="6556634" y="3024592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31" name="Freeform 109"/>
            <p:cNvSpPr>
              <a:spLocks noEditPoints="1"/>
            </p:cNvSpPr>
            <p:nvPr/>
          </p:nvSpPr>
          <p:spPr bwMode="auto">
            <a:xfrm>
              <a:off x="6836922" y="3316535"/>
              <a:ext cx="534565" cy="542644"/>
            </a:xfrm>
            <a:custGeom>
              <a:avLst/>
              <a:gdLst>
                <a:gd name="T0" fmla="*/ 326 w 336"/>
                <a:gd name="T1" fmla="*/ 207 h 341"/>
                <a:gd name="T2" fmla="*/ 330 w 336"/>
                <a:gd name="T3" fmla="*/ 173 h 341"/>
                <a:gd name="T4" fmla="*/ 170 w 336"/>
                <a:gd name="T5" fmla="*/ 12 h 341"/>
                <a:gd name="T6" fmla="*/ 142 w 336"/>
                <a:gd name="T7" fmla="*/ 15 h 341"/>
                <a:gd name="T8" fmla="*/ 93 w 336"/>
                <a:gd name="T9" fmla="*/ 0 h 341"/>
                <a:gd name="T10" fmla="*/ 0 w 336"/>
                <a:gd name="T11" fmla="*/ 93 h 341"/>
                <a:gd name="T12" fmla="*/ 13 w 336"/>
                <a:gd name="T13" fmla="*/ 140 h 341"/>
                <a:gd name="T14" fmla="*/ 10 w 336"/>
                <a:gd name="T15" fmla="*/ 173 h 341"/>
                <a:gd name="T16" fmla="*/ 170 w 336"/>
                <a:gd name="T17" fmla="*/ 333 h 341"/>
                <a:gd name="T18" fmla="*/ 199 w 336"/>
                <a:gd name="T19" fmla="*/ 330 h 341"/>
                <a:gd name="T20" fmla="*/ 243 w 336"/>
                <a:gd name="T21" fmla="*/ 341 h 341"/>
                <a:gd name="T22" fmla="*/ 336 w 336"/>
                <a:gd name="T23" fmla="*/ 248 h 341"/>
                <a:gd name="T24" fmla="*/ 326 w 336"/>
                <a:gd name="T25" fmla="*/ 207 h 341"/>
                <a:gd name="T26" fmla="*/ 252 w 336"/>
                <a:gd name="T27" fmla="*/ 249 h 341"/>
                <a:gd name="T28" fmla="*/ 220 w 336"/>
                <a:gd name="T29" fmla="*/ 274 h 341"/>
                <a:gd name="T30" fmla="*/ 169 w 336"/>
                <a:gd name="T31" fmla="*/ 283 h 341"/>
                <a:gd name="T32" fmla="*/ 112 w 336"/>
                <a:gd name="T33" fmla="*/ 271 h 341"/>
                <a:gd name="T34" fmla="*/ 86 w 336"/>
                <a:gd name="T35" fmla="*/ 247 h 341"/>
                <a:gd name="T36" fmla="*/ 75 w 336"/>
                <a:gd name="T37" fmla="*/ 218 h 341"/>
                <a:gd name="T38" fmla="*/ 82 w 336"/>
                <a:gd name="T39" fmla="*/ 203 h 341"/>
                <a:gd name="T40" fmla="*/ 99 w 336"/>
                <a:gd name="T41" fmla="*/ 197 h 341"/>
                <a:gd name="T42" fmla="*/ 113 w 336"/>
                <a:gd name="T43" fmla="*/ 202 h 341"/>
                <a:gd name="T44" fmla="*/ 122 w 336"/>
                <a:gd name="T45" fmla="*/ 215 h 341"/>
                <a:gd name="T46" fmla="*/ 131 w 336"/>
                <a:gd name="T47" fmla="*/ 232 h 341"/>
                <a:gd name="T48" fmla="*/ 145 w 336"/>
                <a:gd name="T49" fmla="*/ 242 h 341"/>
                <a:gd name="T50" fmla="*/ 168 w 336"/>
                <a:gd name="T51" fmla="*/ 246 h 341"/>
                <a:gd name="T52" fmla="*/ 201 w 336"/>
                <a:gd name="T53" fmla="*/ 238 h 341"/>
                <a:gd name="T54" fmla="*/ 212 w 336"/>
                <a:gd name="T55" fmla="*/ 218 h 341"/>
                <a:gd name="T56" fmla="*/ 206 w 336"/>
                <a:gd name="T57" fmla="*/ 203 h 341"/>
                <a:gd name="T58" fmla="*/ 189 w 336"/>
                <a:gd name="T59" fmla="*/ 193 h 341"/>
                <a:gd name="T60" fmla="*/ 160 w 336"/>
                <a:gd name="T61" fmla="*/ 186 h 341"/>
                <a:gd name="T62" fmla="*/ 118 w 336"/>
                <a:gd name="T63" fmla="*/ 173 h 341"/>
                <a:gd name="T64" fmla="*/ 90 w 336"/>
                <a:gd name="T65" fmla="*/ 153 h 341"/>
                <a:gd name="T66" fmla="*/ 80 w 336"/>
                <a:gd name="T67" fmla="*/ 121 h 341"/>
                <a:gd name="T68" fmla="*/ 91 w 336"/>
                <a:gd name="T69" fmla="*/ 89 h 341"/>
                <a:gd name="T70" fmla="*/ 122 w 336"/>
                <a:gd name="T71" fmla="*/ 67 h 341"/>
                <a:gd name="T72" fmla="*/ 169 w 336"/>
                <a:gd name="T73" fmla="*/ 60 h 341"/>
                <a:gd name="T74" fmla="*/ 206 w 336"/>
                <a:gd name="T75" fmla="*/ 65 h 341"/>
                <a:gd name="T76" fmla="*/ 233 w 336"/>
                <a:gd name="T77" fmla="*/ 78 h 341"/>
                <a:gd name="T78" fmla="*/ 248 w 336"/>
                <a:gd name="T79" fmla="*/ 95 h 341"/>
                <a:gd name="T80" fmla="*/ 253 w 336"/>
                <a:gd name="T81" fmla="*/ 114 h 341"/>
                <a:gd name="T82" fmla="*/ 247 w 336"/>
                <a:gd name="T83" fmla="*/ 129 h 341"/>
                <a:gd name="T84" fmla="*/ 230 w 336"/>
                <a:gd name="T85" fmla="*/ 136 h 341"/>
                <a:gd name="T86" fmla="*/ 216 w 336"/>
                <a:gd name="T87" fmla="*/ 132 h 341"/>
                <a:gd name="T88" fmla="*/ 207 w 336"/>
                <a:gd name="T89" fmla="*/ 119 h 341"/>
                <a:gd name="T90" fmla="*/ 192 w 336"/>
                <a:gd name="T91" fmla="*/ 101 h 341"/>
                <a:gd name="T92" fmla="*/ 166 w 336"/>
                <a:gd name="T93" fmla="*/ 95 h 341"/>
                <a:gd name="T94" fmla="*/ 138 w 336"/>
                <a:gd name="T95" fmla="*/ 102 h 341"/>
                <a:gd name="T96" fmla="*/ 128 w 336"/>
                <a:gd name="T97" fmla="*/ 117 h 341"/>
                <a:gd name="T98" fmla="*/ 131 w 336"/>
                <a:gd name="T99" fmla="*/ 127 h 341"/>
                <a:gd name="T100" fmla="*/ 141 w 336"/>
                <a:gd name="T101" fmla="*/ 134 h 341"/>
                <a:gd name="T102" fmla="*/ 154 w 336"/>
                <a:gd name="T103" fmla="*/ 139 h 341"/>
                <a:gd name="T104" fmla="*/ 176 w 336"/>
                <a:gd name="T105" fmla="*/ 144 h 341"/>
                <a:gd name="T106" fmla="*/ 211 w 336"/>
                <a:gd name="T107" fmla="*/ 154 h 341"/>
                <a:gd name="T108" fmla="*/ 239 w 336"/>
                <a:gd name="T109" fmla="*/ 166 h 341"/>
                <a:gd name="T110" fmla="*/ 257 w 336"/>
                <a:gd name="T111" fmla="*/ 185 h 341"/>
                <a:gd name="T112" fmla="*/ 263 w 336"/>
                <a:gd name="T113" fmla="*/ 213 h 341"/>
                <a:gd name="T114" fmla="*/ 252 w 336"/>
                <a:gd name="T115" fmla="*/ 249 h 3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336" h="341">
                  <a:moveTo>
                    <a:pt x="326" y="207"/>
                  </a:moveTo>
                  <a:cubicBezTo>
                    <a:pt x="329" y="196"/>
                    <a:pt x="330" y="184"/>
                    <a:pt x="330" y="173"/>
                  </a:cubicBezTo>
                  <a:cubicBezTo>
                    <a:pt x="330" y="84"/>
                    <a:pt x="258" y="12"/>
                    <a:pt x="170" y="12"/>
                  </a:cubicBezTo>
                  <a:cubicBezTo>
                    <a:pt x="161" y="12"/>
                    <a:pt x="151" y="13"/>
                    <a:pt x="142" y="15"/>
                  </a:cubicBezTo>
                  <a:cubicBezTo>
                    <a:pt x="128" y="6"/>
                    <a:pt x="111" y="0"/>
                    <a:pt x="93" y="0"/>
                  </a:cubicBezTo>
                  <a:cubicBezTo>
                    <a:pt x="42" y="0"/>
                    <a:pt x="0" y="42"/>
                    <a:pt x="0" y="93"/>
                  </a:cubicBezTo>
                  <a:cubicBezTo>
                    <a:pt x="0" y="110"/>
                    <a:pt x="5" y="126"/>
                    <a:pt x="13" y="140"/>
                  </a:cubicBezTo>
                  <a:cubicBezTo>
                    <a:pt x="11" y="151"/>
                    <a:pt x="10" y="161"/>
                    <a:pt x="10" y="173"/>
                  </a:cubicBezTo>
                  <a:cubicBezTo>
                    <a:pt x="10" y="261"/>
                    <a:pt x="81" y="333"/>
                    <a:pt x="170" y="333"/>
                  </a:cubicBezTo>
                  <a:cubicBezTo>
                    <a:pt x="180" y="333"/>
                    <a:pt x="190" y="332"/>
                    <a:pt x="199" y="330"/>
                  </a:cubicBezTo>
                  <a:cubicBezTo>
                    <a:pt x="212" y="337"/>
                    <a:pt x="227" y="341"/>
                    <a:pt x="243" y="341"/>
                  </a:cubicBezTo>
                  <a:cubicBezTo>
                    <a:pt x="295" y="341"/>
                    <a:pt x="336" y="300"/>
                    <a:pt x="336" y="248"/>
                  </a:cubicBezTo>
                  <a:cubicBezTo>
                    <a:pt x="336" y="233"/>
                    <a:pt x="333" y="219"/>
                    <a:pt x="326" y="207"/>
                  </a:cubicBezTo>
                  <a:close/>
                  <a:moveTo>
                    <a:pt x="252" y="249"/>
                  </a:moveTo>
                  <a:cubicBezTo>
                    <a:pt x="245" y="260"/>
                    <a:pt x="234" y="268"/>
                    <a:pt x="220" y="274"/>
                  </a:cubicBezTo>
                  <a:cubicBezTo>
                    <a:pt x="205" y="280"/>
                    <a:pt x="189" y="283"/>
                    <a:pt x="169" y="283"/>
                  </a:cubicBezTo>
                  <a:cubicBezTo>
                    <a:pt x="146" y="283"/>
                    <a:pt x="127" y="279"/>
                    <a:pt x="112" y="271"/>
                  </a:cubicBezTo>
                  <a:cubicBezTo>
                    <a:pt x="101" y="265"/>
                    <a:pt x="92" y="257"/>
                    <a:pt x="86" y="247"/>
                  </a:cubicBezTo>
                  <a:cubicBezTo>
                    <a:pt x="79" y="237"/>
                    <a:pt x="75" y="228"/>
                    <a:pt x="75" y="218"/>
                  </a:cubicBezTo>
                  <a:cubicBezTo>
                    <a:pt x="75" y="212"/>
                    <a:pt x="78" y="207"/>
                    <a:pt x="82" y="203"/>
                  </a:cubicBezTo>
                  <a:cubicBezTo>
                    <a:pt x="86" y="199"/>
                    <a:pt x="92" y="197"/>
                    <a:pt x="99" y="197"/>
                  </a:cubicBezTo>
                  <a:cubicBezTo>
                    <a:pt x="104" y="197"/>
                    <a:pt x="109" y="198"/>
                    <a:pt x="113" y="202"/>
                  </a:cubicBezTo>
                  <a:cubicBezTo>
                    <a:pt x="117" y="205"/>
                    <a:pt x="120" y="210"/>
                    <a:pt x="122" y="215"/>
                  </a:cubicBezTo>
                  <a:cubicBezTo>
                    <a:pt x="125" y="222"/>
                    <a:pt x="128" y="227"/>
                    <a:pt x="131" y="232"/>
                  </a:cubicBezTo>
                  <a:cubicBezTo>
                    <a:pt x="135" y="236"/>
                    <a:pt x="139" y="239"/>
                    <a:pt x="145" y="242"/>
                  </a:cubicBezTo>
                  <a:cubicBezTo>
                    <a:pt x="151" y="245"/>
                    <a:pt x="159" y="246"/>
                    <a:pt x="168" y="246"/>
                  </a:cubicBezTo>
                  <a:cubicBezTo>
                    <a:pt x="181" y="246"/>
                    <a:pt x="192" y="244"/>
                    <a:pt x="201" y="238"/>
                  </a:cubicBezTo>
                  <a:cubicBezTo>
                    <a:pt x="209" y="232"/>
                    <a:pt x="212" y="226"/>
                    <a:pt x="212" y="218"/>
                  </a:cubicBezTo>
                  <a:cubicBezTo>
                    <a:pt x="212" y="212"/>
                    <a:pt x="210" y="207"/>
                    <a:pt x="206" y="203"/>
                  </a:cubicBezTo>
                  <a:cubicBezTo>
                    <a:pt x="202" y="199"/>
                    <a:pt x="196" y="196"/>
                    <a:pt x="189" y="193"/>
                  </a:cubicBezTo>
                  <a:cubicBezTo>
                    <a:pt x="182" y="191"/>
                    <a:pt x="172" y="189"/>
                    <a:pt x="160" y="186"/>
                  </a:cubicBezTo>
                  <a:cubicBezTo>
                    <a:pt x="143" y="182"/>
                    <a:pt x="129" y="178"/>
                    <a:pt x="118" y="173"/>
                  </a:cubicBezTo>
                  <a:cubicBezTo>
                    <a:pt x="106" y="169"/>
                    <a:pt x="97" y="162"/>
                    <a:pt x="90" y="153"/>
                  </a:cubicBezTo>
                  <a:cubicBezTo>
                    <a:pt x="83" y="145"/>
                    <a:pt x="80" y="134"/>
                    <a:pt x="80" y="121"/>
                  </a:cubicBezTo>
                  <a:cubicBezTo>
                    <a:pt x="80" y="109"/>
                    <a:pt x="83" y="98"/>
                    <a:pt x="91" y="89"/>
                  </a:cubicBezTo>
                  <a:cubicBezTo>
                    <a:pt x="98" y="79"/>
                    <a:pt x="108" y="72"/>
                    <a:pt x="122" y="67"/>
                  </a:cubicBezTo>
                  <a:cubicBezTo>
                    <a:pt x="135" y="62"/>
                    <a:pt x="151" y="60"/>
                    <a:pt x="169" y="60"/>
                  </a:cubicBezTo>
                  <a:cubicBezTo>
                    <a:pt x="183" y="60"/>
                    <a:pt x="196" y="61"/>
                    <a:pt x="206" y="65"/>
                  </a:cubicBezTo>
                  <a:cubicBezTo>
                    <a:pt x="217" y="68"/>
                    <a:pt x="226" y="72"/>
                    <a:pt x="233" y="78"/>
                  </a:cubicBezTo>
                  <a:cubicBezTo>
                    <a:pt x="240" y="83"/>
                    <a:pt x="245" y="89"/>
                    <a:pt x="248" y="95"/>
                  </a:cubicBezTo>
                  <a:cubicBezTo>
                    <a:pt x="252" y="102"/>
                    <a:pt x="253" y="108"/>
                    <a:pt x="253" y="114"/>
                  </a:cubicBezTo>
                  <a:cubicBezTo>
                    <a:pt x="253" y="119"/>
                    <a:pt x="251" y="125"/>
                    <a:pt x="247" y="129"/>
                  </a:cubicBezTo>
                  <a:cubicBezTo>
                    <a:pt x="242" y="134"/>
                    <a:pt x="237" y="136"/>
                    <a:pt x="230" y="136"/>
                  </a:cubicBezTo>
                  <a:cubicBezTo>
                    <a:pt x="224" y="136"/>
                    <a:pt x="220" y="135"/>
                    <a:pt x="216" y="132"/>
                  </a:cubicBezTo>
                  <a:cubicBezTo>
                    <a:pt x="213" y="129"/>
                    <a:pt x="210" y="125"/>
                    <a:pt x="207" y="119"/>
                  </a:cubicBezTo>
                  <a:cubicBezTo>
                    <a:pt x="203" y="111"/>
                    <a:pt x="198" y="105"/>
                    <a:pt x="192" y="101"/>
                  </a:cubicBezTo>
                  <a:cubicBezTo>
                    <a:pt x="187" y="97"/>
                    <a:pt x="178" y="95"/>
                    <a:pt x="166" y="95"/>
                  </a:cubicBezTo>
                  <a:cubicBezTo>
                    <a:pt x="154" y="95"/>
                    <a:pt x="145" y="97"/>
                    <a:pt x="138" y="102"/>
                  </a:cubicBezTo>
                  <a:cubicBezTo>
                    <a:pt x="131" y="106"/>
                    <a:pt x="128" y="111"/>
                    <a:pt x="128" y="117"/>
                  </a:cubicBezTo>
                  <a:cubicBezTo>
                    <a:pt x="128" y="121"/>
                    <a:pt x="129" y="124"/>
                    <a:pt x="131" y="127"/>
                  </a:cubicBezTo>
                  <a:cubicBezTo>
                    <a:pt x="133" y="129"/>
                    <a:pt x="137" y="132"/>
                    <a:pt x="141" y="134"/>
                  </a:cubicBezTo>
                  <a:cubicBezTo>
                    <a:pt x="145" y="136"/>
                    <a:pt x="149" y="138"/>
                    <a:pt x="154" y="139"/>
                  </a:cubicBezTo>
                  <a:cubicBezTo>
                    <a:pt x="158" y="140"/>
                    <a:pt x="166" y="142"/>
                    <a:pt x="176" y="144"/>
                  </a:cubicBezTo>
                  <a:cubicBezTo>
                    <a:pt x="189" y="147"/>
                    <a:pt x="201" y="150"/>
                    <a:pt x="211" y="154"/>
                  </a:cubicBezTo>
                  <a:cubicBezTo>
                    <a:pt x="222" y="157"/>
                    <a:pt x="231" y="161"/>
                    <a:pt x="239" y="166"/>
                  </a:cubicBezTo>
                  <a:cubicBezTo>
                    <a:pt x="246" y="171"/>
                    <a:pt x="252" y="177"/>
                    <a:pt x="257" y="185"/>
                  </a:cubicBezTo>
                  <a:cubicBezTo>
                    <a:pt x="261" y="193"/>
                    <a:pt x="263" y="202"/>
                    <a:pt x="263" y="213"/>
                  </a:cubicBezTo>
                  <a:cubicBezTo>
                    <a:pt x="263" y="227"/>
                    <a:pt x="260" y="239"/>
                    <a:pt x="252" y="24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44" name="TextBox 51"/>
            <p:cNvSpPr txBox="1"/>
            <p:nvPr/>
          </p:nvSpPr>
          <p:spPr>
            <a:xfrm>
              <a:off x="7551719" y="3387587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the title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5" name="Group 56"/>
          <p:cNvGrpSpPr/>
          <p:nvPr/>
        </p:nvGrpSpPr>
        <p:grpSpPr>
          <a:xfrm>
            <a:off x="3874446" y="2891820"/>
            <a:ext cx="2756416" cy="1106425"/>
            <a:chOff x="8794640" y="1918167"/>
            <a:chExt cx="2756416" cy="1106425"/>
          </a:xfrm>
        </p:grpSpPr>
        <p:sp>
          <p:nvSpPr>
            <p:cNvPr id="46" name="Freeform 13"/>
            <p:cNvSpPr/>
            <p:nvPr/>
          </p:nvSpPr>
          <p:spPr>
            <a:xfrm flipH="1">
              <a:off x="8794640" y="1918167"/>
              <a:ext cx="2756416" cy="1106425"/>
            </a:xfrm>
            <a:custGeom>
              <a:avLst/>
              <a:gdLst>
                <a:gd name="connsiteX0" fmla="*/ 669387 w 3335264"/>
                <a:gd name="connsiteY0" fmla="*/ 0 h 1338774"/>
                <a:gd name="connsiteX1" fmla="*/ 1224453 w 3335264"/>
                <a:gd name="connsiteY1" fmla="*/ 295127 h 1338774"/>
                <a:gd name="connsiteX2" fmla="*/ 1278656 w 3335264"/>
                <a:gd name="connsiteY2" fmla="*/ 394987 h 1338774"/>
                <a:gd name="connsiteX3" fmla="*/ 2786468 w 3335264"/>
                <a:gd name="connsiteY3" fmla="*/ 394987 h 1338774"/>
                <a:gd name="connsiteX4" fmla="*/ 2786468 w 3335264"/>
                <a:gd name="connsiteY4" fmla="*/ 120589 h 1338774"/>
                <a:gd name="connsiteX5" fmla="*/ 3335264 w 3335264"/>
                <a:gd name="connsiteY5" fmla="*/ 669386 h 1338774"/>
                <a:gd name="connsiteX6" fmla="*/ 2786468 w 3335264"/>
                <a:gd name="connsiteY6" fmla="*/ 1218182 h 1338774"/>
                <a:gd name="connsiteX7" fmla="*/ 2786468 w 3335264"/>
                <a:gd name="connsiteY7" fmla="*/ 943784 h 1338774"/>
                <a:gd name="connsiteX8" fmla="*/ 1278658 w 3335264"/>
                <a:gd name="connsiteY8" fmla="*/ 943784 h 1338774"/>
                <a:gd name="connsiteX9" fmla="*/ 1224453 w 3335264"/>
                <a:gd name="connsiteY9" fmla="*/ 1043648 h 1338774"/>
                <a:gd name="connsiteX10" fmla="*/ 669387 w 3335264"/>
                <a:gd name="connsiteY10" fmla="*/ 1338774 h 1338774"/>
                <a:gd name="connsiteX11" fmla="*/ 0 w 3335264"/>
                <a:gd name="connsiteY11" fmla="*/ 669387 h 1338774"/>
                <a:gd name="connsiteX12" fmla="*/ 669387 w 3335264"/>
                <a:gd name="connsiteY12" fmla="*/ 0 h 133877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3335264" h="1338774">
                  <a:moveTo>
                    <a:pt x="669387" y="0"/>
                  </a:moveTo>
                  <a:cubicBezTo>
                    <a:pt x="900445" y="0"/>
                    <a:pt x="1104160" y="117069"/>
                    <a:pt x="1224453" y="295127"/>
                  </a:cubicBezTo>
                  <a:lnTo>
                    <a:pt x="1278656" y="394987"/>
                  </a:lnTo>
                  <a:lnTo>
                    <a:pt x="2786468" y="394987"/>
                  </a:lnTo>
                  <a:lnTo>
                    <a:pt x="2786468" y="120589"/>
                  </a:lnTo>
                  <a:lnTo>
                    <a:pt x="3335264" y="669386"/>
                  </a:lnTo>
                  <a:lnTo>
                    <a:pt x="2786468" y="1218182"/>
                  </a:lnTo>
                  <a:lnTo>
                    <a:pt x="2786468" y="943784"/>
                  </a:lnTo>
                  <a:lnTo>
                    <a:pt x="1278658" y="943784"/>
                  </a:lnTo>
                  <a:lnTo>
                    <a:pt x="1224453" y="1043648"/>
                  </a:lnTo>
                  <a:cubicBezTo>
                    <a:pt x="1104160" y="1221706"/>
                    <a:pt x="900445" y="1338774"/>
                    <a:pt x="669387" y="1338774"/>
                  </a:cubicBezTo>
                  <a:cubicBezTo>
                    <a:pt x="299695" y="1338774"/>
                    <a:pt x="0" y="1039079"/>
                    <a:pt x="0" y="669387"/>
                  </a:cubicBezTo>
                  <a:cubicBezTo>
                    <a:pt x="0" y="299695"/>
                    <a:pt x="299695" y="0"/>
                    <a:pt x="669387" y="0"/>
                  </a:cubicBez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47" name="Freeform 95"/>
            <p:cNvSpPr>
              <a:spLocks/>
            </p:cNvSpPr>
            <p:nvPr/>
          </p:nvSpPr>
          <p:spPr bwMode="auto">
            <a:xfrm>
              <a:off x="10892501" y="2234309"/>
              <a:ext cx="221562" cy="478011"/>
            </a:xfrm>
            <a:custGeom>
              <a:avLst/>
              <a:gdLst>
                <a:gd name="T0" fmla="*/ 147 w 153"/>
                <a:gd name="T1" fmla="*/ 165 h 330"/>
                <a:gd name="T2" fmla="*/ 102 w 153"/>
                <a:gd name="T3" fmla="*/ 165 h 330"/>
                <a:gd name="T4" fmla="*/ 102 w 153"/>
                <a:gd name="T5" fmla="*/ 330 h 330"/>
                <a:gd name="T6" fmla="*/ 34 w 153"/>
                <a:gd name="T7" fmla="*/ 330 h 330"/>
                <a:gd name="T8" fmla="*/ 34 w 153"/>
                <a:gd name="T9" fmla="*/ 165 h 330"/>
                <a:gd name="T10" fmla="*/ 0 w 153"/>
                <a:gd name="T11" fmla="*/ 165 h 330"/>
                <a:gd name="T12" fmla="*/ 0 w 153"/>
                <a:gd name="T13" fmla="*/ 108 h 330"/>
                <a:gd name="T14" fmla="*/ 34 w 153"/>
                <a:gd name="T15" fmla="*/ 108 h 330"/>
                <a:gd name="T16" fmla="*/ 34 w 153"/>
                <a:gd name="T17" fmla="*/ 74 h 330"/>
                <a:gd name="T18" fmla="*/ 107 w 153"/>
                <a:gd name="T19" fmla="*/ 0 h 330"/>
                <a:gd name="T20" fmla="*/ 153 w 153"/>
                <a:gd name="T21" fmla="*/ 0 h 330"/>
                <a:gd name="T22" fmla="*/ 153 w 153"/>
                <a:gd name="T23" fmla="*/ 57 h 330"/>
                <a:gd name="T24" fmla="*/ 124 w 153"/>
                <a:gd name="T25" fmla="*/ 57 h 330"/>
                <a:gd name="T26" fmla="*/ 102 w 153"/>
                <a:gd name="T27" fmla="*/ 80 h 330"/>
                <a:gd name="T28" fmla="*/ 102 w 153"/>
                <a:gd name="T29" fmla="*/ 108 h 330"/>
                <a:gd name="T30" fmla="*/ 153 w 153"/>
                <a:gd name="T31" fmla="*/ 108 h 330"/>
                <a:gd name="T32" fmla="*/ 147 w 153"/>
                <a:gd name="T33" fmla="*/ 165 h 3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153" h="330">
                  <a:moveTo>
                    <a:pt x="147" y="165"/>
                  </a:moveTo>
                  <a:cubicBezTo>
                    <a:pt x="102" y="165"/>
                    <a:pt x="102" y="165"/>
                    <a:pt x="102" y="165"/>
                  </a:cubicBezTo>
                  <a:cubicBezTo>
                    <a:pt x="102" y="330"/>
                    <a:pt x="102" y="330"/>
                    <a:pt x="102" y="330"/>
                  </a:cubicBezTo>
                  <a:cubicBezTo>
                    <a:pt x="34" y="330"/>
                    <a:pt x="34" y="330"/>
                    <a:pt x="34" y="330"/>
                  </a:cubicBezTo>
                  <a:cubicBezTo>
                    <a:pt x="34" y="165"/>
                    <a:pt x="34" y="165"/>
                    <a:pt x="34" y="165"/>
                  </a:cubicBezTo>
                  <a:cubicBezTo>
                    <a:pt x="0" y="165"/>
                    <a:pt x="0" y="165"/>
                    <a:pt x="0" y="165"/>
                  </a:cubicBezTo>
                  <a:cubicBezTo>
                    <a:pt x="0" y="108"/>
                    <a:pt x="0" y="108"/>
                    <a:pt x="0" y="108"/>
                  </a:cubicBezTo>
                  <a:cubicBezTo>
                    <a:pt x="34" y="108"/>
                    <a:pt x="34" y="108"/>
                    <a:pt x="34" y="108"/>
                  </a:cubicBezTo>
                  <a:cubicBezTo>
                    <a:pt x="34" y="74"/>
                    <a:pt x="34" y="74"/>
                    <a:pt x="34" y="74"/>
                  </a:cubicBezTo>
                  <a:cubicBezTo>
                    <a:pt x="34" y="28"/>
                    <a:pt x="53" y="0"/>
                    <a:pt x="107" y="0"/>
                  </a:cubicBezTo>
                  <a:cubicBezTo>
                    <a:pt x="153" y="0"/>
                    <a:pt x="153" y="0"/>
                    <a:pt x="153" y="0"/>
                  </a:cubicBezTo>
                  <a:cubicBezTo>
                    <a:pt x="153" y="57"/>
                    <a:pt x="153" y="57"/>
                    <a:pt x="153" y="57"/>
                  </a:cubicBezTo>
                  <a:cubicBezTo>
                    <a:pt x="124" y="57"/>
                    <a:pt x="124" y="57"/>
                    <a:pt x="124" y="57"/>
                  </a:cubicBezTo>
                  <a:cubicBezTo>
                    <a:pt x="103" y="57"/>
                    <a:pt x="102" y="65"/>
                    <a:pt x="102" y="80"/>
                  </a:cubicBezTo>
                  <a:cubicBezTo>
                    <a:pt x="102" y="108"/>
                    <a:pt x="102" y="108"/>
                    <a:pt x="102" y="108"/>
                  </a:cubicBezTo>
                  <a:cubicBezTo>
                    <a:pt x="153" y="108"/>
                    <a:pt x="153" y="108"/>
                    <a:pt x="153" y="108"/>
                  </a:cubicBezTo>
                  <a:lnTo>
                    <a:pt x="147" y="16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GB">
                <a:latin typeface="Arial" panose="020B0604020202020204" pitchFamily="34" charset="0"/>
                <a:cs typeface="Arial" panose="020B0604020202020204" pitchFamily="34" charset="0"/>
              </a:endParaRPr>
            </a:p>
          </p:txBody>
        </p:sp>
        <p:sp>
          <p:nvSpPr>
            <p:cNvPr id="48" name="TextBox 52"/>
            <p:cNvSpPr txBox="1"/>
            <p:nvPr/>
          </p:nvSpPr>
          <p:spPr>
            <a:xfrm>
              <a:off x="9139751" y="2288648"/>
              <a:ext cx="1107996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the title</a:t>
              </a:r>
              <a:endParaRPr lang="en-US" altLang="zh-CN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sp>
        <p:nvSpPr>
          <p:cNvPr id="49" name="TextBox 58"/>
          <p:cNvSpPr txBox="1"/>
          <p:nvPr/>
        </p:nvSpPr>
        <p:spPr>
          <a:xfrm>
            <a:off x="6907188" y="3091089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000" b="1" dirty="0">
                <a:solidFill>
                  <a:srgbClr val="FEBC3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5.6M</a:t>
            </a:r>
            <a:endParaRPr lang="en-GB" sz="4000" b="1" dirty="0">
              <a:solidFill>
                <a:srgbClr val="FEBC3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0" name="TextBox 59"/>
          <p:cNvSpPr txBox="1"/>
          <p:nvPr/>
        </p:nvSpPr>
        <p:spPr>
          <a:xfrm>
            <a:off x="6907188" y="5633349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4000" b="1" dirty="0">
                <a:solidFill>
                  <a:srgbClr val="FF6680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2.4M</a:t>
            </a:r>
            <a:endParaRPr lang="en-GB" sz="4000" b="1" dirty="0">
              <a:solidFill>
                <a:srgbClr val="FF6680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1" name="TextBox 60"/>
          <p:cNvSpPr txBox="1"/>
          <p:nvPr/>
        </p:nvSpPr>
        <p:spPr>
          <a:xfrm>
            <a:off x="4009493" y="4368726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4000" b="1" dirty="0">
                <a:solidFill>
                  <a:srgbClr val="A883BD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8.6M</a:t>
            </a:r>
            <a:endParaRPr lang="en-GB" sz="4000" b="1" dirty="0">
              <a:solidFill>
                <a:srgbClr val="A883BD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2" name="TextBox 61"/>
          <p:cNvSpPr txBox="1"/>
          <p:nvPr/>
        </p:nvSpPr>
        <p:spPr>
          <a:xfrm>
            <a:off x="4009493" y="1812716"/>
            <a:ext cx="1326004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sz="4000" b="1" dirty="0">
                <a:solidFill>
                  <a:srgbClr val="80AD3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3.3M</a:t>
            </a:r>
            <a:endParaRPr lang="en-GB" sz="4000" b="1" dirty="0">
              <a:solidFill>
                <a:srgbClr val="80AD3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53" name="文本框 52"/>
          <p:cNvSpPr txBox="1"/>
          <p:nvPr/>
        </p:nvSpPr>
        <p:spPr>
          <a:xfrm>
            <a:off x="8551119" y="181271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4" name="文本框 53"/>
          <p:cNvSpPr txBox="1"/>
          <p:nvPr/>
        </p:nvSpPr>
        <p:spPr>
          <a:xfrm>
            <a:off x="8551119" y="436872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5" name="文本框 54"/>
          <p:cNvSpPr txBox="1"/>
          <p:nvPr/>
        </p:nvSpPr>
        <p:spPr>
          <a:xfrm>
            <a:off x="920327" y="2886165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6" name="文本框 55"/>
          <p:cNvSpPr txBox="1"/>
          <p:nvPr/>
        </p:nvSpPr>
        <p:spPr>
          <a:xfrm>
            <a:off x="920327" y="5457520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56896233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:a14="http://schemas.microsoft.com/office/drawing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000"/>
                            </p:stCondLst>
                            <p:childTnLst>
                              <p:par>
                                <p:cTn id="17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2000"/>
                            </p:stCondLst>
                            <p:childTnLst>
                              <p:par>
                                <p:cTn id="29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2500"/>
                            </p:stCondLst>
                            <p:childTnLst>
                              <p:par>
                                <p:cTn id="3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3000"/>
                            </p:stCondLst>
                            <p:childTnLst>
                              <p:par>
                                <p:cTn id="41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3500"/>
                            </p:stCondLst>
                            <p:childTnLst>
                              <p:par>
                                <p:cTn id="4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9" grpId="0"/>
      <p:bldP spid="50" grpId="0"/>
      <p:bldP spid="51" grpId="0"/>
      <p:bldP spid="52" grpId="0"/>
      <p:bldP spid="53" grpId="0"/>
      <p:bldP spid="54" grpId="0"/>
      <p:bldP spid="55" grpId="0"/>
      <p:bldP spid="56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FEBC30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3</a:t>
              </a:r>
              <a:endParaRPr lang="zh-CN" altLang="en-US" sz="6600" dirty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563232" y="2404551"/>
            <a:ext cx="2741456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Click here</a:t>
            </a:r>
            <a:endParaRPr lang="en-US" altLang="zh-CN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Enter the </a:t>
            </a:r>
            <a:endParaRPr lang="en-US" altLang="zh-CN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algn="ctr" defTabSz="1218804">
              <a:defRPr/>
            </a:pP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title</a:t>
            </a:r>
          </a:p>
        </p:txBody>
      </p:sp>
    </p:spTree>
    <p:extLst>
      <p:ext uri="{BB962C8B-B14F-4D97-AF65-F5344CB8AC3E}">
        <p14:creationId xmlns:p14="http://schemas.microsoft.com/office/powerpoint/2010/main" val="41860652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mc:AlternateContent xmlns:mc="http://schemas.openxmlformats.org/markup-compatibility/2006">
    <mc:Choice xmlns:p14="http://schemas.microsoft.com/office/powerpoint/2010/main"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6957172" y="1787218"/>
            <a:ext cx="1077158" cy="1077158"/>
            <a:chOff x="3979168" y="1034430"/>
            <a:chExt cx="897632" cy="897632"/>
          </a:xfrm>
        </p:grpSpPr>
        <p:sp>
          <p:nvSpPr>
            <p:cNvPr id="19" name="椭圆 18"/>
            <p:cNvSpPr/>
            <p:nvPr/>
          </p:nvSpPr>
          <p:spPr>
            <a:xfrm>
              <a:off x="3979168" y="1034430"/>
              <a:ext cx="897632" cy="897632"/>
            </a:xfrm>
            <a:prstGeom prst="ellipse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pic>
          <p:nvPicPr>
            <p:cNvPr id="20" name="Picture 3" descr="F:\工作夹\PPT设计\PPT模板\PPT模板2013\s1025\8.png"/>
            <p:cNvPicPr>
              <a:picLocks noChangeAspect="1" noChangeArrowheads="1"/>
            </p:cNvPicPr>
            <p:nvPr/>
          </p:nvPicPr>
          <p:blipFill>
            <a:blip r:embed="rId8">
              <a:biLevel thresh="25000"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16274" y="1244642"/>
              <a:ext cx="423420" cy="4772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24" name="组合 23"/>
          <p:cNvGrpSpPr/>
          <p:nvPr/>
        </p:nvGrpSpPr>
        <p:grpSpPr>
          <a:xfrm>
            <a:off x="4251363" y="4571849"/>
            <a:ext cx="1077160" cy="1077159"/>
            <a:chOff x="3034802" y="3809873"/>
            <a:chExt cx="897633" cy="897632"/>
          </a:xfrm>
        </p:grpSpPr>
        <p:sp>
          <p:nvSpPr>
            <p:cNvPr id="25" name="椭圆 24"/>
            <p:cNvSpPr/>
            <p:nvPr/>
          </p:nvSpPr>
          <p:spPr>
            <a:xfrm>
              <a:off x="3034802" y="3809873"/>
              <a:ext cx="897632" cy="897632"/>
            </a:xfrm>
            <a:prstGeom prst="ellipse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1600"/>
            </a:p>
          </p:txBody>
        </p:sp>
        <p:sp>
          <p:nvSpPr>
            <p:cNvPr id="26" name="矩形 25"/>
            <p:cNvSpPr/>
            <p:nvPr/>
          </p:nvSpPr>
          <p:spPr>
            <a:xfrm>
              <a:off x="3034803" y="3977057"/>
              <a:ext cx="897632" cy="48731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6120803" y="4571849"/>
            <a:ext cx="1077160" cy="1077159"/>
            <a:chOff x="4592669" y="3809873"/>
            <a:chExt cx="897633" cy="897632"/>
          </a:xfrm>
        </p:grpSpPr>
        <p:sp>
          <p:nvSpPr>
            <p:cNvPr id="28" name="椭圆 27"/>
            <p:cNvSpPr/>
            <p:nvPr/>
          </p:nvSpPr>
          <p:spPr>
            <a:xfrm>
              <a:off x="4592669" y="3809873"/>
              <a:ext cx="897632" cy="897632"/>
            </a:xfrm>
            <a:prstGeom prst="ellipse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1600"/>
            </a:p>
          </p:txBody>
        </p:sp>
        <p:sp>
          <p:nvSpPr>
            <p:cNvPr id="29" name="矩形 28"/>
            <p:cNvSpPr/>
            <p:nvPr/>
          </p:nvSpPr>
          <p:spPr>
            <a:xfrm>
              <a:off x="4592670" y="3977057"/>
              <a:ext cx="897632" cy="48731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</a:p>
          </p:txBody>
        </p:sp>
      </p:grpSp>
      <p:grpSp>
        <p:nvGrpSpPr>
          <p:cNvPr id="30" name="组合 29"/>
          <p:cNvGrpSpPr/>
          <p:nvPr/>
        </p:nvGrpSpPr>
        <p:grpSpPr>
          <a:xfrm>
            <a:off x="7990244" y="4571849"/>
            <a:ext cx="1077160" cy="1077159"/>
            <a:chOff x="6150536" y="3809873"/>
            <a:chExt cx="897633" cy="897632"/>
          </a:xfrm>
        </p:grpSpPr>
        <p:sp>
          <p:nvSpPr>
            <p:cNvPr id="31" name="椭圆 30"/>
            <p:cNvSpPr/>
            <p:nvPr/>
          </p:nvSpPr>
          <p:spPr>
            <a:xfrm>
              <a:off x="6150536" y="3809873"/>
              <a:ext cx="897632" cy="897632"/>
            </a:xfrm>
            <a:prstGeom prst="ellipse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1600"/>
            </a:p>
          </p:txBody>
        </p:sp>
        <p:sp>
          <p:nvSpPr>
            <p:cNvPr id="44" name="矩形 43"/>
            <p:cNvSpPr/>
            <p:nvPr/>
          </p:nvSpPr>
          <p:spPr>
            <a:xfrm>
              <a:off x="6150537" y="3977057"/>
              <a:ext cx="897632" cy="48731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9859683" y="4571849"/>
            <a:ext cx="1077160" cy="1077159"/>
            <a:chOff x="7708402" y="3809873"/>
            <a:chExt cx="897633" cy="897632"/>
          </a:xfrm>
        </p:grpSpPr>
        <p:sp>
          <p:nvSpPr>
            <p:cNvPr id="46" name="椭圆 45"/>
            <p:cNvSpPr/>
            <p:nvPr/>
          </p:nvSpPr>
          <p:spPr>
            <a:xfrm>
              <a:off x="7708402" y="3809873"/>
              <a:ext cx="897632" cy="897632"/>
            </a:xfrm>
            <a:prstGeom prst="ellipse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1600"/>
            </a:p>
          </p:txBody>
        </p:sp>
        <p:sp>
          <p:nvSpPr>
            <p:cNvPr id="47" name="矩形 46"/>
            <p:cNvSpPr/>
            <p:nvPr/>
          </p:nvSpPr>
          <p:spPr>
            <a:xfrm>
              <a:off x="7708403" y="3977057"/>
              <a:ext cx="897632" cy="487312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60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</a:p>
          </p:txBody>
        </p:sp>
      </p:grpSp>
      <p:sp>
        <p:nvSpPr>
          <p:cNvPr id="48" name="任意多边形 47"/>
          <p:cNvSpPr/>
          <p:nvPr/>
        </p:nvSpPr>
        <p:spPr>
          <a:xfrm>
            <a:off x="8024122" y="2351962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sp>
        <p:nvSpPr>
          <p:cNvPr id="49" name="任意多边形 48"/>
          <p:cNvSpPr/>
          <p:nvPr/>
        </p:nvSpPr>
        <p:spPr>
          <a:xfrm flipH="1">
            <a:off x="5623822" y="2351962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grpSp>
        <p:nvGrpSpPr>
          <p:cNvPr id="50" name="组合 49"/>
          <p:cNvGrpSpPr/>
          <p:nvPr/>
        </p:nvGrpSpPr>
        <p:grpSpPr>
          <a:xfrm>
            <a:off x="4742512" y="4005592"/>
            <a:ext cx="1908966" cy="582971"/>
            <a:chOff x="2129425" y="2821062"/>
            <a:chExt cx="1590805" cy="485809"/>
          </a:xfrm>
        </p:grpSpPr>
        <p:sp>
          <p:nvSpPr>
            <p:cNvPr id="51" name="任意多边形 50"/>
            <p:cNvSpPr/>
            <p:nvPr/>
          </p:nvSpPr>
          <p:spPr>
            <a:xfrm>
              <a:off x="2129425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52" name="直接连接符 51"/>
            <p:cNvCxnSpPr/>
            <p:nvPr/>
          </p:nvCxnSpPr>
          <p:spPr>
            <a:xfrm flipV="1">
              <a:off x="286385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53" name="组合 52"/>
          <p:cNvGrpSpPr/>
          <p:nvPr/>
        </p:nvGrpSpPr>
        <p:grpSpPr>
          <a:xfrm>
            <a:off x="8485289" y="4005592"/>
            <a:ext cx="1908966" cy="582971"/>
            <a:chOff x="5248406" y="2821062"/>
            <a:chExt cx="1590805" cy="485809"/>
          </a:xfrm>
        </p:grpSpPr>
        <p:sp>
          <p:nvSpPr>
            <p:cNvPr id="54" name="任意多边形 53"/>
            <p:cNvSpPr/>
            <p:nvPr/>
          </p:nvSpPr>
          <p:spPr>
            <a:xfrm>
              <a:off x="5248406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55" name="直接连接符 54"/>
            <p:cNvCxnSpPr/>
            <p:nvPr/>
          </p:nvCxnSpPr>
          <p:spPr>
            <a:xfrm flipV="1">
              <a:off x="601853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56" name="组合 55"/>
          <p:cNvGrpSpPr/>
          <p:nvPr/>
        </p:nvGrpSpPr>
        <p:grpSpPr>
          <a:xfrm>
            <a:off x="1429882" y="3262244"/>
            <a:ext cx="2467851" cy="455647"/>
            <a:chOff x="263908" y="2319952"/>
            <a:chExt cx="2056542" cy="379706"/>
          </a:xfrm>
        </p:grpSpPr>
        <p:grpSp>
          <p:nvGrpSpPr>
            <p:cNvPr id="57" name="组合 56"/>
            <p:cNvGrpSpPr/>
            <p:nvPr/>
          </p:nvGrpSpPr>
          <p:grpSpPr>
            <a:xfrm>
              <a:off x="263908" y="2319952"/>
              <a:ext cx="1354088" cy="379706"/>
              <a:chOff x="263908" y="2319952"/>
              <a:chExt cx="1354088" cy="379706"/>
            </a:xfrm>
          </p:grpSpPr>
          <p:sp>
            <p:nvSpPr>
              <p:cNvPr id="59" name="矩形 58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80AD3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60" name="Picture 3" descr="F:\工作夹\PPT设计\PPT模板\PPT模板2013\s1025\8.png"/>
              <p:cNvPicPr>
                <a:picLocks noChangeAspect="1" noChangeArrowheads="1"/>
              </p:cNvPicPr>
              <p:nvPr/>
            </p:nvPicPr>
            <p:blipFill>
              <a:blip r:embed="rId8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263908" y="2319952"/>
                <a:ext cx="336908" cy="379706"/>
              </a:xfrm>
              <a:prstGeom prst="rect">
                <a:avLst/>
              </a:prstGeom>
              <a:solidFill>
                <a:srgbClr val="FFFFFF"/>
              </a:solidFill>
            </p:spPr>
          </p:pic>
        </p:grpSp>
        <p:sp>
          <p:nvSpPr>
            <p:cNvPr id="58" name="TextBox 33"/>
            <p:cNvSpPr txBox="1"/>
            <p:nvPr/>
          </p:nvSpPr>
          <p:spPr>
            <a:xfrm>
              <a:off x="1721728" y="237005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itchFamily="34" charset="-122"/>
                  <a:ea typeface="微软雅黑" pitchFamily="34" charset="-122"/>
                </a:rPr>
                <a:t>80%</a:t>
              </a:r>
              <a:endParaRPr lang="zh-CN" altLang="en-US" sz="1920" b="1" kern="0" dirty="0"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61" name="组合 60"/>
          <p:cNvGrpSpPr/>
          <p:nvPr/>
        </p:nvGrpSpPr>
        <p:grpSpPr>
          <a:xfrm>
            <a:off x="1451666" y="3949388"/>
            <a:ext cx="2446066" cy="455647"/>
            <a:chOff x="282062" y="3042883"/>
            <a:chExt cx="2038388" cy="379706"/>
          </a:xfrm>
        </p:grpSpPr>
        <p:grpSp>
          <p:nvGrpSpPr>
            <p:cNvPr id="62" name="组合 61"/>
            <p:cNvGrpSpPr/>
            <p:nvPr/>
          </p:nvGrpSpPr>
          <p:grpSpPr>
            <a:xfrm>
              <a:off x="282062" y="3042883"/>
              <a:ext cx="1335934" cy="379706"/>
              <a:chOff x="282062" y="2319952"/>
              <a:chExt cx="1335934" cy="379706"/>
            </a:xfrm>
          </p:grpSpPr>
          <p:sp>
            <p:nvSpPr>
              <p:cNvPr id="64" name="矩形 63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FF66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65" name="Picture 3"/>
              <p:cNvPicPr>
                <a:picLocks noChangeAspect="1" noChangeArrowheads="1"/>
              </p:cNvPicPr>
              <p:nvPr/>
            </p:nvPicPr>
            <p:blipFill>
              <a:blip r:embed="rId9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282062" y="2319952"/>
                <a:ext cx="300600" cy="379706"/>
              </a:xfrm>
              <a:prstGeom prst="rect">
                <a:avLst/>
              </a:prstGeom>
              <a:solidFill>
                <a:srgbClr val="FFFFFF"/>
              </a:solidFill>
            </p:spPr>
          </p:pic>
        </p:grpSp>
        <p:sp>
          <p:nvSpPr>
            <p:cNvPr id="63" name="TextBox 38"/>
            <p:cNvSpPr txBox="1"/>
            <p:nvPr/>
          </p:nvSpPr>
          <p:spPr>
            <a:xfrm>
              <a:off x="1721728" y="309656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itchFamily="34" charset="-122"/>
                  <a:ea typeface="微软雅黑" pitchFamily="34" charset="-122"/>
                </a:rPr>
                <a:t>30%</a:t>
              </a:r>
              <a:endParaRPr lang="zh-CN" altLang="en-US" sz="1920" b="1" kern="0" dirty="0"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8610953" y="2625627"/>
            <a:ext cx="1499890" cy="1499890"/>
            <a:chOff x="2279030" y="1747292"/>
            <a:chExt cx="1249908" cy="1249908"/>
          </a:xfrm>
        </p:grpSpPr>
        <p:sp>
          <p:nvSpPr>
            <p:cNvPr id="16" name="椭圆 15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17" name="矩形 16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4861913" y="2625627"/>
            <a:ext cx="1499890" cy="1499890"/>
            <a:chOff x="2279030" y="1747292"/>
            <a:chExt cx="1249908" cy="1249908"/>
          </a:xfrm>
        </p:grpSpPr>
        <p:sp>
          <p:nvSpPr>
            <p:cNvPr id="22" name="椭圆 21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23" name="矩形 22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lick to add text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1643534304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:a14="http://schemas.microsoft.com/office/drawing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500"/>
                            </p:stCondLst>
                            <p:childTnLst>
                              <p:par>
                                <p:cTn id="2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3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6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000"/>
                            </p:stCondLst>
                            <p:childTnLst>
                              <p:par>
                                <p:cTn id="28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2500"/>
                            </p:stCondLst>
                            <p:childTnLst>
                              <p:par>
                                <p:cTn id="3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1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4" dur="5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3000"/>
                            </p:stCondLst>
                            <p:childTnLst>
                              <p:par>
                                <p:cTn id="4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8" grpId="0" animBg="1"/>
      <p:bldP spid="49" grpId="0" animBg="1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5296608" y="2180863"/>
            <a:ext cx="5568619" cy="1251150"/>
            <a:chOff x="2987824" y="1328290"/>
            <a:chExt cx="4176464" cy="938362"/>
          </a:xfrm>
        </p:grpSpPr>
        <p:grpSp>
          <p:nvGrpSpPr>
            <p:cNvPr id="16" name="组合 15"/>
            <p:cNvGrpSpPr/>
            <p:nvPr/>
          </p:nvGrpSpPr>
          <p:grpSpPr>
            <a:xfrm>
              <a:off x="2987824" y="1328290"/>
              <a:ext cx="4176464" cy="938362"/>
              <a:chOff x="3707904" y="1549051"/>
              <a:chExt cx="4176464" cy="938362"/>
            </a:xfrm>
          </p:grpSpPr>
          <p:grpSp>
            <p:nvGrpSpPr>
              <p:cNvPr id="18" name="组合 17"/>
              <p:cNvGrpSpPr/>
              <p:nvPr/>
            </p:nvGrpSpPr>
            <p:grpSpPr>
              <a:xfrm>
                <a:off x="3707904" y="1549051"/>
                <a:ext cx="4176464" cy="938362"/>
                <a:chOff x="2123728" y="1563638"/>
                <a:chExt cx="4176464" cy="938362"/>
              </a:xfrm>
            </p:grpSpPr>
            <p:sp>
              <p:nvSpPr>
                <p:cNvPr id="20" name="圆角矩形 19"/>
                <p:cNvSpPr/>
                <p:nvPr/>
              </p:nvSpPr>
              <p:spPr>
                <a:xfrm>
                  <a:off x="2123728" y="1741320"/>
                  <a:ext cx="4176464" cy="582997"/>
                </a:xfrm>
                <a:prstGeom prst="roundRect">
                  <a:avLst/>
                </a:prstGeom>
                <a:solidFill>
                  <a:srgbClr val="80AD31"/>
                </a:solidFill>
                <a:ln>
                  <a:noFill/>
                </a:ln>
                <a:effectLst/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zh-CN" altLang="en-US" sz="2400"/>
                </a:p>
              </p:txBody>
            </p:sp>
            <p:sp useBgFill="1">
              <p:nvSpPr>
                <p:cNvPr id="21" name="Freeform 7"/>
                <p:cNvSpPr>
                  <a:spLocks/>
                </p:cNvSpPr>
                <p:nvPr/>
              </p:nvSpPr>
              <p:spPr bwMode="auto">
                <a:xfrm>
                  <a:off x="2378914" y="1563638"/>
                  <a:ext cx="945174" cy="938362"/>
                </a:xfrm>
                <a:custGeom>
                  <a:avLst/>
                  <a:gdLst>
                    <a:gd name="T0" fmla="*/ 117 w 200"/>
                    <a:gd name="T1" fmla="*/ 7 h 199"/>
                    <a:gd name="T2" fmla="*/ 193 w 200"/>
                    <a:gd name="T3" fmla="*/ 83 h 199"/>
                    <a:gd name="T4" fmla="*/ 195 w 200"/>
                    <a:gd name="T5" fmla="*/ 85 h 199"/>
                    <a:gd name="T6" fmla="*/ 199 w 200"/>
                    <a:gd name="T7" fmla="*/ 94 h 199"/>
                    <a:gd name="T8" fmla="*/ 199 w 200"/>
                    <a:gd name="T9" fmla="*/ 96 h 199"/>
                    <a:gd name="T10" fmla="*/ 198 w 200"/>
                    <a:gd name="T11" fmla="*/ 108 h 199"/>
                    <a:gd name="T12" fmla="*/ 197 w 200"/>
                    <a:gd name="T13" fmla="*/ 110 h 199"/>
                    <a:gd name="T14" fmla="*/ 192 w 200"/>
                    <a:gd name="T15" fmla="*/ 117 h 199"/>
                    <a:gd name="T16" fmla="*/ 116 w 200"/>
                    <a:gd name="T17" fmla="*/ 193 h 199"/>
                    <a:gd name="T18" fmla="*/ 114 w 200"/>
                    <a:gd name="T19" fmla="*/ 194 h 199"/>
                    <a:gd name="T20" fmla="*/ 106 w 200"/>
                    <a:gd name="T21" fmla="*/ 198 h 199"/>
                    <a:gd name="T22" fmla="*/ 103 w 200"/>
                    <a:gd name="T23" fmla="*/ 199 h 199"/>
                    <a:gd name="T24" fmla="*/ 92 w 200"/>
                    <a:gd name="T25" fmla="*/ 198 h 199"/>
                    <a:gd name="T26" fmla="*/ 90 w 200"/>
                    <a:gd name="T27" fmla="*/ 197 h 199"/>
                    <a:gd name="T28" fmla="*/ 83 w 200"/>
                    <a:gd name="T29" fmla="*/ 192 h 199"/>
                    <a:gd name="T30" fmla="*/ 7 w 200"/>
                    <a:gd name="T31" fmla="*/ 116 h 199"/>
                    <a:gd name="T32" fmla="*/ 5 w 200"/>
                    <a:gd name="T33" fmla="*/ 114 h 199"/>
                    <a:gd name="T34" fmla="*/ 1 w 200"/>
                    <a:gd name="T35" fmla="*/ 105 h 199"/>
                    <a:gd name="T36" fmla="*/ 1 w 200"/>
                    <a:gd name="T37" fmla="*/ 103 h 199"/>
                    <a:gd name="T38" fmla="*/ 2 w 200"/>
                    <a:gd name="T39" fmla="*/ 91 h 199"/>
                    <a:gd name="T40" fmla="*/ 3 w 200"/>
                    <a:gd name="T41" fmla="*/ 89 h 199"/>
                    <a:gd name="T42" fmla="*/ 7 w 200"/>
                    <a:gd name="T43" fmla="*/ 82 h 199"/>
                    <a:gd name="T44" fmla="*/ 83 w 200"/>
                    <a:gd name="T45" fmla="*/ 6 h 199"/>
                    <a:gd name="T46" fmla="*/ 85 w 200"/>
                    <a:gd name="T47" fmla="*/ 5 h 199"/>
                    <a:gd name="T48" fmla="*/ 94 w 200"/>
                    <a:gd name="T49" fmla="*/ 1 h 199"/>
                    <a:gd name="T50" fmla="*/ 96 w 200"/>
                    <a:gd name="T51" fmla="*/ 0 h 199"/>
                    <a:gd name="T52" fmla="*/ 108 w 200"/>
                    <a:gd name="T53" fmla="*/ 1 h 199"/>
                    <a:gd name="T54" fmla="*/ 110 w 200"/>
                    <a:gd name="T55" fmla="*/ 2 h 199"/>
                    <a:gd name="T56" fmla="*/ 117 w 200"/>
                    <a:gd name="T57" fmla="*/ 7 h 19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</a:cxnLst>
                  <a:rect l="0" t="0" r="r" b="b"/>
                  <a:pathLst>
                    <a:path w="200" h="199">
                      <a:moveTo>
                        <a:pt x="117" y="7"/>
                      </a:moveTo>
                      <a:cubicBezTo>
                        <a:pt x="193" y="83"/>
                        <a:pt x="193" y="83"/>
                        <a:pt x="193" y="83"/>
                      </a:cubicBezTo>
                      <a:cubicBezTo>
                        <a:pt x="195" y="85"/>
                        <a:pt x="195" y="85"/>
                        <a:pt x="195" y="85"/>
                      </a:cubicBezTo>
                      <a:cubicBezTo>
                        <a:pt x="196" y="88"/>
                        <a:pt x="198" y="90"/>
                        <a:pt x="199" y="94"/>
                      </a:cubicBezTo>
                      <a:cubicBezTo>
                        <a:pt x="199" y="96"/>
                        <a:pt x="199" y="96"/>
                        <a:pt x="199" y="96"/>
                      </a:cubicBezTo>
                      <a:cubicBezTo>
                        <a:pt x="200" y="100"/>
                        <a:pt x="199" y="104"/>
                        <a:pt x="198" y="108"/>
                      </a:cubicBezTo>
                      <a:cubicBezTo>
                        <a:pt x="197" y="110"/>
                        <a:pt x="197" y="110"/>
                        <a:pt x="197" y="110"/>
                      </a:cubicBezTo>
                      <a:cubicBezTo>
                        <a:pt x="196" y="112"/>
                        <a:pt x="194" y="115"/>
                        <a:pt x="192" y="117"/>
                      </a:cubicBezTo>
                      <a:cubicBezTo>
                        <a:pt x="116" y="193"/>
                        <a:pt x="116" y="193"/>
                        <a:pt x="116" y="193"/>
                      </a:cubicBezTo>
                      <a:cubicBezTo>
                        <a:pt x="114" y="194"/>
                        <a:pt x="114" y="194"/>
                        <a:pt x="114" y="194"/>
                      </a:cubicBezTo>
                      <a:cubicBezTo>
                        <a:pt x="112" y="196"/>
                        <a:pt x="109" y="197"/>
                        <a:pt x="106" y="198"/>
                      </a:cubicBezTo>
                      <a:cubicBezTo>
                        <a:pt x="103" y="199"/>
                        <a:pt x="103" y="199"/>
                        <a:pt x="103" y="199"/>
                      </a:cubicBezTo>
                      <a:cubicBezTo>
                        <a:pt x="99" y="199"/>
                        <a:pt x="96" y="199"/>
                        <a:pt x="92" y="198"/>
                      </a:cubicBezTo>
                      <a:cubicBezTo>
                        <a:pt x="90" y="197"/>
                        <a:pt x="90" y="197"/>
                        <a:pt x="90" y="197"/>
                      </a:cubicBezTo>
                      <a:cubicBezTo>
                        <a:pt x="87" y="195"/>
                        <a:pt x="85" y="194"/>
                        <a:pt x="83" y="192"/>
                      </a:cubicBezTo>
                      <a:cubicBezTo>
                        <a:pt x="7" y="116"/>
                        <a:pt x="7" y="116"/>
                        <a:pt x="7" y="116"/>
                      </a:cubicBezTo>
                      <a:cubicBezTo>
                        <a:pt x="5" y="114"/>
                        <a:pt x="5" y="114"/>
                        <a:pt x="5" y="114"/>
                      </a:cubicBezTo>
                      <a:cubicBezTo>
                        <a:pt x="3" y="111"/>
                        <a:pt x="2" y="109"/>
                        <a:pt x="1" y="105"/>
                      </a:cubicBezTo>
                      <a:cubicBezTo>
                        <a:pt x="1" y="103"/>
                        <a:pt x="1" y="103"/>
                        <a:pt x="1" y="103"/>
                      </a:cubicBezTo>
                      <a:cubicBezTo>
                        <a:pt x="0" y="99"/>
                        <a:pt x="0" y="95"/>
                        <a:pt x="2" y="91"/>
                      </a:cubicBezTo>
                      <a:cubicBezTo>
                        <a:pt x="3" y="89"/>
                        <a:pt x="3" y="89"/>
                        <a:pt x="3" y="89"/>
                      </a:cubicBezTo>
                      <a:cubicBezTo>
                        <a:pt x="4" y="86"/>
                        <a:pt x="5" y="84"/>
                        <a:pt x="7" y="82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5" y="5"/>
                        <a:pt x="85" y="5"/>
                        <a:pt x="85" y="5"/>
                      </a:cubicBezTo>
                      <a:cubicBezTo>
                        <a:pt x="88" y="3"/>
                        <a:pt x="91" y="2"/>
                        <a:pt x="94" y="1"/>
                      </a:cubicBezTo>
                      <a:cubicBezTo>
                        <a:pt x="96" y="0"/>
                        <a:pt x="96" y="0"/>
                        <a:pt x="96" y="0"/>
                      </a:cubicBezTo>
                      <a:cubicBezTo>
                        <a:pt x="100" y="0"/>
                        <a:pt x="104" y="0"/>
                        <a:pt x="108" y="1"/>
                      </a:cubicBezTo>
                      <a:cubicBezTo>
                        <a:pt x="110" y="2"/>
                        <a:pt x="110" y="2"/>
                        <a:pt x="110" y="2"/>
                      </a:cubicBezTo>
                      <a:cubicBezTo>
                        <a:pt x="113" y="4"/>
                        <a:pt x="115" y="5"/>
                        <a:pt x="117" y="7"/>
                      </a:cubicBezTo>
                      <a:close/>
                    </a:path>
                  </a:pathLst>
                </a:custGeom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 sz="2400"/>
                </a:p>
              </p:txBody>
            </p:sp>
            <p:sp>
              <p:nvSpPr>
                <p:cNvPr id="22" name="Freeform 8"/>
                <p:cNvSpPr>
                  <a:spLocks/>
                </p:cNvSpPr>
                <p:nvPr/>
              </p:nvSpPr>
              <p:spPr bwMode="auto">
                <a:xfrm>
                  <a:off x="2448901" y="1630972"/>
                  <a:ext cx="805199" cy="803695"/>
                </a:xfrm>
                <a:custGeom>
                  <a:avLst/>
                  <a:gdLst>
                    <a:gd name="T0" fmla="*/ 111 w 193"/>
                    <a:gd name="T1" fmla="*/ 8 h 193"/>
                    <a:gd name="T2" fmla="*/ 186 w 193"/>
                    <a:gd name="T3" fmla="*/ 83 h 193"/>
                    <a:gd name="T4" fmla="*/ 186 w 193"/>
                    <a:gd name="T5" fmla="*/ 110 h 193"/>
                    <a:gd name="T6" fmla="*/ 111 w 193"/>
                    <a:gd name="T7" fmla="*/ 185 h 193"/>
                    <a:gd name="T8" fmla="*/ 83 w 193"/>
                    <a:gd name="T9" fmla="*/ 185 h 193"/>
                    <a:gd name="T10" fmla="*/ 8 w 193"/>
                    <a:gd name="T11" fmla="*/ 110 h 193"/>
                    <a:gd name="T12" fmla="*/ 8 w 193"/>
                    <a:gd name="T13" fmla="*/ 83 h 193"/>
                    <a:gd name="T14" fmla="*/ 83 w 193"/>
                    <a:gd name="T15" fmla="*/ 8 h 193"/>
                    <a:gd name="T16" fmla="*/ 111 w 193"/>
                    <a:gd name="T17" fmla="*/ 8 h 19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93" h="193">
                      <a:moveTo>
                        <a:pt x="111" y="8"/>
                      </a:moveTo>
                      <a:cubicBezTo>
                        <a:pt x="186" y="83"/>
                        <a:pt x="186" y="83"/>
                        <a:pt x="186" y="83"/>
                      </a:cubicBezTo>
                      <a:cubicBezTo>
                        <a:pt x="193" y="90"/>
                        <a:pt x="193" y="103"/>
                        <a:pt x="186" y="110"/>
                      </a:cubicBezTo>
                      <a:cubicBezTo>
                        <a:pt x="111" y="185"/>
                        <a:pt x="111" y="185"/>
                        <a:pt x="111" y="185"/>
                      </a:cubicBezTo>
                      <a:cubicBezTo>
                        <a:pt x="103" y="193"/>
                        <a:pt x="91" y="193"/>
                        <a:pt x="83" y="185"/>
                      </a:cubicBezTo>
                      <a:cubicBezTo>
                        <a:pt x="8" y="110"/>
                        <a:pt x="8" y="110"/>
                        <a:pt x="8" y="110"/>
                      </a:cubicBezTo>
                      <a:cubicBezTo>
                        <a:pt x="0" y="103"/>
                        <a:pt x="0" y="90"/>
                        <a:pt x="8" y="83"/>
                      </a:cubicBezTo>
                      <a:cubicBezTo>
                        <a:pt x="83" y="8"/>
                        <a:pt x="83" y="8"/>
                        <a:pt x="83" y="8"/>
                      </a:cubicBezTo>
                      <a:cubicBezTo>
                        <a:pt x="91" y="0"/>
                        <a:pt x="103" y="0"/>
                        <a:pt x="111" y="8"/>
                      </a:cubicBezTo>
                      <a:close/>
                    </a:path>
                  </a:pathLst>
                </a:custGeom>
                <a:solidFill>
                  <a:srgbClr val="BFBFBF"/>
                </a:solidFill>
                <a:ln w="12700" cap="flat" cmpd="sng" algn="ctr">
                  <a:solidFill>
                    <a:sysClr val="window" lastClr="FFFFFF"/>
                  </a:solidFill>
                  <a:prstDash val="solid"/>
                </a:ln>
                <a:effectLst/>
              </p:spPr>
              <p:txBody>
                <a:bodyPr rtlCol="0" anchor="ctr"/>
                <a:lstStyle/>
                <a:p>
                  <a:pPr algn="ctr" fontAlgn="base">
                    <a:spcBef>
                      <a:spcPct val="0"/>
                    </a:spcBef>
                    <a:spcAft>
                      <a:spcPct val="0"/>
                    </a:spcAft>
                  </a:pPr>
                  <a:endParaRPr lang="zh-CN" altLang="en-US" sz="2400" kern="0">
                    <a:solidFill>
                      <a:prstClr val="black"/>
                    </a:solidFill>
                    <a:latin typeface="Calibri"/>
                    <a:ea typeface="宋体"/>
                  </a:endParaRPr>
                </a:p>
              </p:txBody>
            </p:sp>
          </p:grpSp>
          <p:sp>
            <p:nvSpPr>
              <p:cNvPr id="19" name="标题层"/>
              <p:cNvSpPr txBox="1"/>
              <p:nvPr/>
            </p:nvSpPr>
            <p:spPr bwMode="auto">
              <a:xfrm>
                <a:off x="4126818" y="1756621"/>
                <a:ext cx="617718" cy="500089"/>
              </a:xfrm>
              <a:prstGeom prst="rect">
                <a:avLst/>
              </a:prstGeom>
              <a:noFill/>
              <a:effectLst/>
            </p:spPr>
            <p:txBody>
              <a:bodyPr wrap="square">
                <a:spAutoFit/>
              </a:bodyPr>
              <a:lstStyle/>
              <a:p>
                <a:pPr algn="ctr" defTabSz="1219170">
                  <a:defRPr/>
                </a:pPr>
                <a:r>
                  <a:rPr lang="en-US" altLang="zh-CN" sz="3600" b="1" kern="0" dirty="0">
                    <a:solidFill>
                      <a:schemeClr val="bg1"/>
                    </a:solidFill>
                    <a:latin typeface="Agency FB" panose="020B0503020202020204" pitchFamily="34" charset="0"/>
                    <a:ea typeface="微软雅黑" pitchFamily="34" charset="-122"/>
                    <a:cs typeface="Arial" panose="020B0604020202020204" pitchFamily="34" charset="0"/>
                  </a:rPr>
                  <a:t>01</a:t>
                </a:r>
                <a:endParaRPr lang="zh-CN" altLang="en-US" sz="3600" b="1" kern="0" dirty="0">
                  <a:solidFill>
                    <a:schemeClr val="bg1"/>
                  </a:solidFill>
                  <a:latin typeface="Agency FB" panose="020B0503020202020204" pitchFamily="34" charset="0"/>
                  <a:ea typeface="微软雅黑" pitchFamily="34" charset="-122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17" name="矩形 16"/>
            <p:cNvSpPr/>
            <p:nvPr/>
          </p:nvSpPr>
          <p:spPr>
            <a:xfrm>
              <a:off x="4188183" y="1597415"/>
              <a:ext cx="2976104" cy="37702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2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Click to enter a brief text content, text content should be summarized refined, without the extra text decoration, concise description of the content.</a:t>
              </a:r>
              <a:endParaRPr lang="zh-CN" altLang="en-US" sz="12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5296608" y="3440379"/>
            <a:ext cx="5568619" cy="1251150"/>
            <a:chOff x="2987824" y="2266652"/>
            <a:chExt cx="4176464" cy="938362"/>
          </a:xfrm>
        </p:grpSpPr>
        <p:grpSp>
          <p:nvGrpSpPr>
            <p:cNvPr id="24" name="组合 23"/>
            <p:cNvGrpSpPr/>
            <p:nvPr/>
          </p:nvGrpSpPr>
          <p:grpSpPr>
            <a:xfrm>
              <a:off x="2987824" y="2266652"/>
              <a:ext cx="4176464" cy="938362"/>
              <a:chOff x="3707904" y="1549051"/>
              <a:chExt cx="4176464" cy="938362"/>
            </a:xfrm>
          </p:grpSpPr>
          <p:grpSp>
            <p:nvGrpSpPr>
              <p:cNvPr id="26" name="组合 25"/>
              <p:cNvGrpSpPr/>
              <p:nvPr/>
            </p:nvGrpSpPr>
            <p:grpSpPr>
              <a:xfrm>
                <a:off x="3707904" y="1549051"/>
                <a:ext cx="4176464" cy="938362"/>
                <a:chOff x="2123728" y="1563638"/>
                <a:chExt cx="4176464" cy="938362"/>
              </a:xfrm>
            </p:grpSpPr>
            <p:sp>
              <p:nvSpPr>
                <p:cNvPr id="28" name="圆角矩形 27"/>
                <p:cNvSpPr/>
                <p:nvPr/>
              </p:nvSpPr>
              <p:spPr>
                <a:xfrm>
                  <a:off x="2123728" y="1741320"/>
                  <a:ext cx="4176464" cy="582997"/>
                </a:xfrm>
                <a:prstGeom prst="roundRect">
                  <a:avLst/>
                </a:prstGeom>
                <a:solidFill>
                  <a:srgbClr val="FEBC30"/>
                </a:solidFill>
                <a:ln>
                  <a:noFill/>
                </a:ln>
                <a:effectLst/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zh-CN" altLang="en-US" sz="2400"/>
                </a:p>
              </p:txBody>
            </p:sp>
            <p:sp useBgFill="1">
              <p:nvSpPr>
                <p:cNvPr id="29" name="Freeform 7"/>
                <p:cNvSpPr>
                  <a:spLocks/>
                </p:cNvSpPr>
                <p:nvPr/>
              </p:nvSpPr>
              <p:spPr bwMode="auto">
                <a:xfrm>
                  <a:off x="2378914" y="1563638"/>
                  <a:ext cx="945174" cy="938362"/>
                </a:xfrm>
                <a:custGeom>
                  <a:avLst/>
                  <a:gdLst>
                    <a:gd name="T0" fmla="*/ 117 w 200"/>
                    <a:gd name="T1" fmla="*/ 7 h 199"/>
                    <a:gd name="T2" fmla="*/ 193 w 200"/>
                    <a:gd name="T3" fmla="*/ 83 h 199"/>
                    <a:gd name="T4" fmla="*/ 195 w 200"/>
                    <a:gd name="T5" fmla="*/ 85 h 199"/>
                    <a:gd name="T6" fmla="*/ 199 w 200"/>
                    <a:gd name="T7" fmla="*/ 94 h 199"/>
                    <a:gd name="T8" fmla="*/ 199 w 200"/>
                    <a:gd name="T9" fmla="*/ 96 h 199"/>
                    <a:gd name="T10" fmla="*/ 198 w 200"/>
                    <a:gd name="T11" fmla="*/ 108 h 199"/>
                    <a:gd name="T12" fmla="*/ 197 w 200"/>
                    <a:gd name="T13" fmla="*/ 110 h 199"/>
                    <a:gd name="T14" fmla="*/ 192 w 200"/>
                    <a:gd name="T15" fmla="*/ 117 h 199"/>
                    <a:gd name="T16" fmla="*/ 116 w 200"/>
                    <a:gd name="T17" fmla="*/ 193 h 199"/>
                    <a:gd name="T18" fmla="*/ 114 w 200"/>
                    <a:gd name="T19" fmla="*/ 194 h 199"/>
                    <a:gd name="T20" fmla="*/ 106 w 200"/>
                    <a:gd name="T21" fmla="*/ 198 h 199"/>
                    <a:gd name="T22" fmla="*/ 103 w 200"/>
                    <a:gd name="T23" fmla="*/ 199 h 199"/>
                    <a:gd name="T24" fmla="*/ 92 w 200"/>
                    <a:gd name="T25" fmla="*/ 198 h 199"/>
                    <a:gd name="T26" fmla="*/ 90 w 200"/>
                    <a:gd name="T27" fmla="*/ 197 h 199"/>
                    <a:gd name="T28" fmla="*/ 83 w 200"/>
                    <a:gd name="T29" fmla="*/ 192 h 199"/>
                    <a:gd name="T30" fmla="*/ 7 w 200"/>
                    <a:gd name="T31" fmla="*/ 116 h 199"/>
                    <a:gd name="T32" fmla="*/ 5 w 200"/>
                    <a:gd name="T33" fmla="*/ 114 h 199"/>
                    <a:gd name="T34" fmla="*/ 1 w 200"/>
                    <a:gd name="T35" fmla="*/ 105 h 199"/>
                    <a:gd name="T36" fmla="*/ 1 w 200"/>
                    <a:gd name="T37" fmla="*/ 103 h 199"/>
                    <a:gd name="T38" fmla="*/ 2 w 200"/>
                    <a:gd name="T39" fmla="*/ 91 h 199"/>
                    <a:gd name="T40" fmla="*/ 3 w 200"/>
                    <a:gd name="T41" fmla="*/ 89 h 199"/>
                    <a:gd name="T42" fmla="*/ 7 w 200"/>
                    <a:gd name="T43" fmla="*/ 82 h 199"/>
                    <a:gd name="T44" fmla="*/ 83 w 200"/>
                    <a:gd name="T45" fmla="*/ 6 h 199"/>
                    <a:gd name="T46" fmla="*/ 85 w 200"/>
                    <a:gd name="T47" fmla="*/ 5 h 199"/>
                    <a:gd name="T48" fmla="*/ 94 w 200"/>
                    <a:gd name="T49" fmla="*/ 1 h 199"/>
                    <a:gd name="T50" fmla="*/ 96 w 200"/>
                    <a:gd name="T51" fmla="*/ 0 h 199"/>
                    <a:gd name="T52" fmla="*/ 108 w 200"/>
                    <a:gd name="T53" fmla="*/ 1 h 199"/>
                    <a:gd name="T54" fmla="*/ 110 w 200"/>
                    <a:gd name="T55" fmla="*/ 2 h 199"/>
                    <a:gd name="T56" fmla="*/ 117 w 200"/>
                    <a:gd name="T57" fmla="*/ 7 h 19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</a:cxnLst>
                  <a:rect l="0" t="0" r="r" b="b"/>
                  <a:pathLst>
                    <a:path w="200" h="199">
                      <a:moveTo>
                        <a:pt x="117" y="7"/>
                      </a:moveTo>
                      <a:cubicBezTo>
                        <a:pt x="193" y="83"/>
                        <a:pt x="193" y="83"/>
                        <a:pt x="193" y="83"/>
                      </a:cubicBezTo>
                      <a:cubicBezTo>
                        <a:pt x="195" y="85"/>
                        <a:pt x="195" y="85"/>
                        <a:pt x="195" y="85"/>
                      </a:cubicBezTo>
                      <a:cubicBezTo>
                        <a:pt x="196" y="88"/>
                        <a:pt x="198" y="90"/>
                        <a:pt x="199" y="94"/>
                      </a:cubicBezTo>
                      <a:cubicBezTo>
                        <a:pt x="199" y="96"/>
                        <a:pt x="199" y="96"/>
                        <a:pt x="199" y="96"/>
                      </a:cubicBezTo>
                      <a:cubicBezTo>
                        <a:pt x="200" y="100"/>
                        <a:pt x="199" y="104"/>
                        <a:pt x="198" y="108"/>
                      </a:cubicBezTo>
                      <a:cubicBezTo>
                        <a:pt x="197" y="110"/>
                        <a:pt x="197" y="110"/>
                        <a:pt x="197" y="110"/>
                      </a:cubicBezTo>
                      <a:cubicBezTo>
                        <a:pt x="196" y="112"/>
                        <a:pt x="194" y="115"/>
                        <a:pt x="192" y="117"/>
                      </a:cubicBezTo>
                      <a:cubicBezTo>
                        <a:pt x="116" y="193"/>
                        <a:pt x="116" y="193"/>
                        <a:pt x="116" y="193"/>
                      </a:cubicBezTo>
                      <a:cubicBezTo>
                        <a:pt x="114" y="194"/>
                        <a:pt x="114" y="194"/>
                        <a:pt x="114" y="194"/>
                      </a:cubicBezTo>
                      <a:cubicBezTo>
                        <a:pt x="112" y="196"/>
                        <a:pt x="109" y="197"/>
                        <a:pt x="106" y="198"/>
                      </a:cubicBezTo>
                      <a:cubicBezTo>
                        <a:pt x="103" y="199"/>
                        <a:pt x="103" y="199"/>
                        <a:pt x="103" y="199"/>
                      </a:cubicBezTo>
                      <a:cubicBezTo>
                        <a:pt x="99" y="199"/>
                        <a:pt x="96" y="199"/>
                        <a:pt x="92" y="198"/>
                      </a:cubicBezTo>
                      <a:cubicBezTo>
                        <a:pt x="90" y="197"/>
                        <a:pt x="90" y="197"/>
                        <a:pt x="90" y="197"/>
                      </a:cubicBezTo>
                      <a:cubicBezTo>
                        <a:pt x="87" y="195"/>
                        <a:pt x="85" y="194"/>
                        <a:pt x="83" y="192"/>
                      </a:cubicBezTo>
                      <a:cubicBezTo>
                        <a:pt x="7" y="116"/>
                        <a:pt x="7" y="116"/>
                        <a:pt x="7" y="116"/>
                      </a:cubicBezTo>
                      <a:cubicBezTo>
                        <a:pt x="5" y="114"/>
                        <a:pt x="5" y="114"/>
                        <a:pt x="5" y="114"/>
                      </a:cubicBezTo>
                      <a:cubicBezTo>
                        <a:pt x="3" y="111"/>
                        <a:pt x="2" y="109"/>
                        <a:pt x="1" y="105"/>
                      </a:cubicBezTo>
                      <a:cubicBezTo>
                        <a:pt x="1" y="103"/>
                        <a:pt x="1" y="103"/>
                        <a:pt x="1" y="103"/>
                      </a:cubicBezTo>
                      <a:cubicBezTo>
                        <a:pt x="0" y="99"/>
                        <a:pt x="0" y="95"/>
                        <a:pt x="2" y="91"/>
                      </a:cubicBezTo>
                      <a:cubicBezTo>
                        <a:pt x="3" y="89"/>
                        <a:pt x="3" y="89"/>
                        <a:pt x="3" y="89"/>
                      </a:cubicBezTo>
                      <a:cubicBezTo>
                        <a:pt x="4" y="86"/>
                        <a:pt x="5" y="84"/>
                        <a:pt x="7" y="82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5" y="5"/>
                        <a:pt x="85" y="5"/>
                        <a:pt x="85" y="5"/>
                      </a:cubicBezTo>
                      <a:cubicBezTo>
                        <a:pt x="88" y="3"/>
                        <a:pt x="91" y="2"/>
                        <a:pt x="94" y="1"/>
                      </a:cubicBezTo>
                      <a:cubicBezTo>
                        <a:pt x="96" y="0"/>
                        <a:pt x="96" y="0"/>
                        <a:pt x="96" y="0"/>
                      </a:cubicBezTo>
                      <a:cubicBezTo>
                        <a:pt x="100" y="0"/>
                        <a:pt x="104" y="0"/>
                        <a:pt x="108" y="1"/>
                      </a:cubicBezTo>
                      <a:cubicBezTo>
                        <a:pt x="110" y="2"/>
                        <a:pt x="110" y="2"/>
                        <a:pt x="110" y="2"/>
                      </a:cubicBezTo>
                      <a:cubicBezTo>
                        <a:pt x="113" y="4"/>
                        <a:pt x="115" y="5"/>
                        <a:pt x="117" y="7"/>
                      </a:cubicBezTo>
                      <a:close/>
                    </a:path>
                  </a:pathLst>
                </a:custGeom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 sz="2400"/>
                </a:p>
              </p:txBody>
            </p:sp>
            <p:sp>
              <p:nvSpPr>
                <p:cNvPr id="30" name="Freeform 8"/>
                <p:cNvSpPr>
                  <a:spLocks/>
                </p:cNvSpPr>
                <p:nvPr/>
              </p:nvSpPr>
              <p:spPr bwMode="auto">
                <a:xfrm>
                  <a:off x="2448901" y="1630972"/>
                  <a:ext cx="805199" cy="803695"/>
                </a:xfrm>
                <a:custGeom>
                  <a:avLst/>
                  <a:gdLst>
                    <a:gd name="T0" fmla="*/ 111 w 193"/>
                    <a:gd name="T1" fmla="*/ 8 h 193"/>
                    <a:gd name="T2" fmla="*/ 186 w 193"/>
                    <a:gd name="T3" fmla="*/ 83 h 193"/>
                    <a:gd name="T4" fmla="*/ 186 w 193"/>
                    <a:gd name="T5" fmla="*/ 110 h 193"/>
                    <a:gd name="T6" fmla="*/ 111 w 193"/>
                    <a:gd name="T7" fmla="*/ 185 h 193"/>
                    <a:gd name="T8" fmla="*/ 83 w 193"/>
                    <a:gd name="T9" fmla="*/ 185 h 193"/>
                    <a:gd name="T10" fmla="*/ 8 w 193"/>
                    <a:gd name="T11" fmla="*/ 110 h 193"/>
                    <a:gd name="T12" fmla="*/ 8 w 193"/>
                    <a:gd name="T13" fmla="*/ 83 h 193"/>
                    <a:gd name="T14" fmla="*/ 83 w 193"/>
                    <a:gd name="T15" fmla="*/ 8 h 193"/>
                    <a:gd name="T16" fmla="*/ 111 w 193"/>
                    <a:gd name="T17" fmla="*/ 8 h 19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93" h="193">
                      <a:moveTo>
                        <a:pt x="111" y="8"/>
                      </a:moveTo>
                      <a:cubicBezTo>
                        <a:pt x="186" y="83"/>
                        <a:pt x="186" y="83"/>
                        <a:pt x="186" y="83"/>
                      </a:cubicBezTo>
                      <a:cubicBezTo>
                        <a:pt x="193" y="90"/>
                        <a:pt x="193" y="103"/>
                        <a:pt x="186" y="110"/>
                      </a:cubicBezTo>
                      <a:cubicBezTo>
                        <a:pt x="111" y="185"/>
                        <a:pt x="111" y="185"/>
                        <a:pt x="111" y="185"/>
                      </a:cubicBezTo>
                      <a:cubicBezTo>
                        <a:pt x="103" y="193"/>
                        <a:pt x="91" y="193"/>
                        <a:pt x="83" y="185"/>
                      </a:cubicBezTo>
                      <a:cubicBezTo>
                        <a:pt x="8" y="110"/>
                        <a:pt x="8" y="110"/>
                        <a:pt x="8" y="110"/>
                      </a:cubicBezTo>
                      <a:cubicBezTo>
                        <a:pt x="0" y="103"/>
                        <a:pt x="0" y="90"/>
                        <a:pt x="8" y="83"/>
                      </a:cubicBezTo>
                      <a:cubicBezTo>
                        <a:pt x="83" y="8"/>
                        <a:pt x="83" y="8"/>
                        <a:pt x="83" y="8"/>
                      </a:cubicBezTo>
                      <a:cubicBezTo>
                        <a:pt x="91" y="0"/>
                        <a:pt x="103" y="0"/>
                        <a:pt x="111" y="8"/>
                      </a:cubicBezTo>
                      <a:close/>
                    </a:path>
                  </a:pathLst>
                </a:custGeom>
                <a:solidFill>
                  <a:srgbClr val="BFBFBF"/>
                </a:solidFill>
                <a:ln w="12700" cap="flat" cmpd="sng" algn="ctr">
                  <a:solidFill>
                    <a:sysClr val="window" lastClr="FFFFFF"/>
                  </a:solidFill>
                  <a:prstDash val="solid"/>
                </a:ln>
                <a:effectLst/>
              </p:spPr>
              <p:txBody>
                <a:bodyPr rtlCol="0" anchor="ctr"/>
                <a:lstStyle/>
                <a:p>
                  <a:pPr algn="ctr"/>
                  <a:endParaRPr lang="zh-CN" altLang="en-US" sz="2400" kern="0">
                    <a:solidFill>
                      <a:prstClr val="black"/>
                    </a:solidFill>
                    <a:latin typeface="Calibri"/>
                    <a:ea typeface="宋体"/>
                  </a:endParaRPr>
                </a:p>
              </p:txBody>
            </p:sp>
          </p:grpSp>
          <p:sp>
            <p:nvSpPr>
              <p:cNvPr id="27" name="标题层"/>
              <p:cNvSpPr txBox="1"/>
              <p:nvPr/>
            </p:nvSpPr>
            <p:spPr bwMode="auto">
              <a:xfrm>
                <a:off x="4126818" y="1756621"/>
                <a:ext cx="617718" cy="500089"/>
              </a:xfrm>
              <a:prstGeom prst="rect">
                <a:avLst/>
              </a:prstGeom>
              <a:noFill/>
              <a:effectLst/>
            </p:spPr>
            <p:txBody>
              <a:bodyPr wrap="square">
                <a:spAutoFit/>
              </a:bodyPr>
              <a:lstStyle/>
              <a:p>
                <a:pPr algn="ctr" defTabSz="1219170">
                  <a:defRPr/>
                </a:pPr>
                <a:r>
                  <a:rPr lang="en-US" altLang="zh-CN" sz="3600" b="1" kern="0" dirty="0">
                    <a:solidFill>
                      <a:schemeClr val="bg1"/>
                    </a:solidFill>
                    <a:latin typeface="Agency FB" panose="020B0503020202020204" pitchFamily="34" charset="0"/>
                    <a:ea typeface="微软雅黑" pitchFamily="34" charset="-122"/>
                    <a:cs typeface="Arial" panose="020B0604020202020204" pitchFamily="34" charset="0"/>
                  </a:rPr>
                  <a:t>02</a:t>
                </a:r>
                <a:endParaRPr lang="zh-CN" altLang="en-US" sz="3600" b="1" kern="0" dirty="0">
                  <a:solidFill>
                    <a:schemeClr val="bg1"/>
                  </a:solidFill>
                  <a:latin typeface="Agency FB" panose="020B0503020202020204" pitchFamily="34" charset="0"/>
                  <a:ea typeface="微软雅黑" pitchFamily="34" charset="-122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25" name="矩形 24"/>
            <p:cNvSpPr/>
            <p:nvPr/>
          </p:nvSpPr>
          <p:spPr>
            <a:xfrm>
              <a:off x="4188184" y="2535778"/>
              <a:ext cx="2832088" cy="36904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2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Click to enter a brief text content, text content should be summarized refined, without the extra text decoration, concise description of the content.</a:t>
              </a:r>
              <a:endParaRPr lang="zh-CN" altLang="en-US" sz="12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5296608" y="4699895"/>
            <a:ext cx="5568619" cy="1251150"/>
            <a:chOff x="2987824" y="3217564"/>
            <a:chExt cx="4176464" cy="938362"/>
          </a:xfrm>
        </p:grpSpPr>
        <p:grpSp>
          <p:nvGrpSpPr>
            <p:cNvPr id="44" name="组合 43"/>
            <p:cNvGrpSpPr/>
            <p:nvPr/>
          </p:nvGrpSpPr>
          <p:grpSpPr>
            <a:xfrm>
              <a:off x="2987824" y="3217564"/>
              <a:ext cx="4176464" cy="938362"/>
              <a:chOff x="3707904" y="1549051"/>
              <a:chExt cx="4176464" cy="938362"/>
            </a:xfrm>
          </p:grpSpPr>
          <p:grpSp>
            <p:nvGrpSpPr>
              <p:cNvPr id="46" name="组合 45"/>
              <p:cNvGrpSpPr/>
              <p:nvPr/>
            </p:nvGrpSpPr>
            <p:grpSpPr>
              <a:xfrm>
                <a:off x="3707904" y="1549051"/>
                <a:ext cx="4176464" cy="938362"/>
                <a:chOff x="2123728" y="1563638"/>
                <a:chExt cx="4176464" cy="938362"/>
              </a:xfrm>
            </p:grpSpPr>
            <p:sp>
              <p:nvSpPr>
                <p:cNvPr id="48" name="圆角矩形 47"/>
                <p:cNvSpPr/>
                <p:nvPr/>
              </p:nvSpPr>
              <p:spPr>
                <a:xfrm>
                  <a:off x="2123728" y="1741320"/>
                  <a:ext cx="4176464" cy="582997"/>
                </a:xfrm>
                <a:prstGeom prst="roundRect">
                  <a:avLst/>
                </a:prstGeom>
                <a:solidFill>
                  <a:srgbClr val="A883BD"/>
                </a:solidFill>
                <a:ln>
                  <a:noFill/>
                </a:ln>
                <a:effectLst/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zh-CN" altLang="en-US" sz="2400"/>
                </a:p>
              </p:txBody>
            </p:sp>
            <p:sp useBgFill="1">
              <p:nvSpPr>
                <p:cNvPr id="49" name="Freeform 7"/>
                <p:cNvSpPr>
                  <a:spLocks/>
                </p:cNvSpPr>
                <p:nvPr/>
              </p:nvSpPr>
              <p:spPr bwMode="auto">
                <a:xfrm>
                  <a:off x="2378914" y="1563638"/>
                  <a:ext cx="945174" cy="938362"/>
                </a:xfrm>
                <a:custGeom>
                  <a:avLst/>
                  <a:gdLst>
                    <a:gd name="T0" fmla="*/ 117 w 200"/>
                    <a:gd name="T1" fmla="*/ 7 h 199"/>
                    <a:gd name="T2" fmla="*/ 193 w 200"/>
                    <a:gd name="T3" fmla="*/ 83 h 199"/>
                    <a:gd name="T4" fmla="*/ 195 w 200"/>
                    <a:gd name="T5" fmla="*/ 85 h 199"/>
                    <a:gd name="T6" fmla="*/ 199 w 200"/>
                    <a:gd name="T7" fmla="*/ 94 h 199"/>
                    <a:gd name="T8" fmla="*/ 199 w 200"/>
                    <a:gd name="T9" fmla="*/ 96 h 199"/>
                    <a:gd name="T10" fmla="*/ 198 w 200"/>
                    <a:gd name="T11" fmla="*/ 108 h 199"/>
                    <a:gd name="T12" fmla="*/ 197 w 200"/>
                    <a:gd name="T13" fmla="*/ 110 h 199"/>
                    <a:gd name="T14" fmla="*/ 192 w 200"/>
                    <a:gd name="T15" fmla="*/ 117 h 199"/>
                    <a:gd name="T16" fmla="*/ 116 w 200"/>
                    <a:gd name="T17" fmla="*/ 193 h 199"/>
                    <a:gd name="T18" fmla="*/ 114 w 200"/>
                    <a:gd name="T19" fmla="*/ 194 h 199"/>
                    <a:gd name="T20" fmla="*/ 106 w 200"/>
                    <a:gd name="T21" fmla="*/ 198 h 199"/>
                    <a:gd name="T22" fmla="*/ 103 w 200"/>
                    <a:gd name="T23" fmla="*/ 199 h 199"/>
                    <a:gd name="T24" fmla="*/ 92 w 200"/>
                    <a:gd name="T25" fmla="*/ 198 h 199"/>
                    <a:gd name="T26" fmla="*/ 90 w 200"/>
                    <a:gd name="T27" fmla="*/ 197 h 199"/>
                    <a:gd name="T28" fmla="*/ 83 w 200"/>
                    <a:gd name="T29" fmla="*/ 192 h 199"/>
                    <a:gd name="T30" fmla="*/ 7 w 200"/>
                    <a:gd name="T31" fmla="*/ 116 h 199"/>
                    <a:gd name="T32" fmla="*/ 5 w 200"/>
                    <a:gd name="T33" fmla="*/ 114 h 199"/>
                    <a:gd name="T34" fmla="*/ 1 w 200"/>
                    <a:gd name="T35" fmla="*/ 105 h 199"/>
                    <a:gd name="T36" fmla="*/ 1 w 200"/>
                    <a:gd name="T37" fmla="*/ 103 h 199"/>
                    <a:gd name="T38" fmla="*/ 2 w 200"/>
                    <a:gd name="T39" fmla="*/ 91 h 199"/>
                    <a:gd name="T40" fmla="*/ 3 w 200"/>
                    <a:gd name="T41" fmla="*/ 89 h 199"/>
                    <a:gd name="T42" fmla="*/ 7 w 200"/>
                    <a:gd name="T43" fmla="*/ 82 h 199"/>
                    <a:gd name="T44" fmla="*/ 83 w 200"/>
                    <a:gd name="T45" fmla="*/ 6 h 199"/>
                    <a:gd name="T46" fmla="*/ 85 w 200"/>
                    <a:gd name="T47" fmla="*/ 5 h 199"/>
                    <a:gd name="T48" fmla="*/ 94 w 200"/>
                    <a:gd name="T49" fmla="*/ 1 h 199"/>
                    <a:gd name="T50" fmla="*/ 96 w 200"/>
                    <a:gd name="T51" fmla="*/ 0 h 199"/>
                    <a:gd name="T52" fmla="*/ 108 w 200"/>
                    <a:gd name="T53" fmla="*/ 1 h 199"/>
                    <a:gd name="T54" fmla="*/ 110 w 200"/>
                    <a:gd name="T55" fmla="*/ 2 h 199"/>
                    <a:gd name="T56" fmla="*/ 117 w 200"/>
                    <a:gd name="T57" fmla="*/ 7 h 19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</a:cxnLst>
                  <a:rect l="0" t="0" r="r" b="b"/>
                  <a:pathLst>
                    <a:path w="200" h="199">
                      <a:moveTo>
                        <a:pt x="117" y="7"/>
                      </a:moveTo>
                      <a:cubicBezTo>
                        <a:pt x="193" y="83"/>
                        <a:pt x="193" y="83"/>
                        <a:pt x="193" y="83"/>
                      </a:cubicBezTo>
                      <a:cubicBezTo>
                        <a:pt x="195" y="85"/>
                        <a:pt x="195" y="85"/>
                        <a:pt x="195" y="85"/>
                      </a:cubicBezTo>
                      <a:cubicBezTo>
                        <a:pt x="196" y="88"/>
                        <a:pt x="198" y="90"/>
                        <a:pt x="199" y="94"/>
                      </a:cubicBezTo>
                      <a:cubicBezTo>
                        <a:pt x="199" y="96"/>
                        <a:pt x="199" y="96"/>
                        <a:pt x="199" y="96"/>
                      </a:cubicBezTo>
                      <a:cubicBezTo>
                        <a:pt x="200" y="100"/>
                        <a:pt x="199" y="104"/>
                        <a:pt x="198" y="108"/>
                      </a:cubicBezTo>
                      <a:cubicBezTo>
                        <a:pt x="197" y="110"/>
                        <a:pt x="197" y="110"/>
                        <a:pt x="197" y="110"/>
                      </a:cubicBezTo>
                      <a:cubicBezTo>
                        <a:pt x="196" y="112"/>
                        <a:pt x="194" y="115"/>
                        <a:pt x="192" y="117"/>
                      </a:cubicBezTo>
                      <a:cubicBezTo>
                        <a:pt x="116" y="193"/>
                        <a:pt x="116" y="193"/>
                        <a:pt x="116" y="193"/>
                      </a:cubicBezTo>
                      <a:cubicBezTo>
                        <a:pt x="114" y="194"/>
                        <a:pt x="114" y="194"/>
                        <a:pt x="114" y="194"/>
                      </a:cubicBezTo>
                      <a:cubicBezTo>
                        <a:pt x="112" y="196"/>
                        <a:pt x="109" y="197"/>
                        <a:pt x="106" y="198"/>
                      </a:cubicBezTo>
                      <a:cubicBezTo>
                        <a:pt x="103" y="199"/>
                        <a:pt x="103" y="199"/>
                        <a:pt x="103" y="199"/>
                      </a:cubicBezTo>
                      <a:cubicBezTo>
                        <a:pt x="99" y="199"/>
                        <a:pt x="96" y="199"/>
                        <a:pt x="92" y="198"/>
                      </a:cubicBezTo>
                      <a:cubicBezTo>
                        <a:pt x="90" y="197"/>
                        <a:pt x="90" y="197"/>
                        <a:pt x="90" y="197"/>
                      </a:cubicBezTo>
                      <a:cubicBezTo>
                        <a:pt x="87" y="195"/>
                        <a:pt x="85" y="194"/>
                        <a:pt x="83" y="192"/>
                      </a:cubicBezTo>
                      <a:cubicBezTo>
                        <a:pt x="7" y="116"/>
                        <a:pt x="7" y="116"/>
                        <a:pt x="7" y="116"/>
                      </a:cubicBezTo>
                      <a:cubicBezTo>
                        <a:pt x="5" y="114"/>
                        <a:pt x="5" y="114"/>
                        <a:pt x="5" y="114"/>
                      </a:cubicBezTo>
                      <a:cubicBezTo>
                        <a:pt x="3" y="111"/>
                        <a:pt x="2" y="109"/>
                        <a:pt x="1" y="105"/>
                      </a:cubicBezTo>
                      <a:cubicBezTo>
                        <a:pt x="1" y="103"/>
                        <a:pt x="1" y="103"/>
                        <a:pt x="1" y="103"/>
                      </a:cubicBezTo>
                      <a:cubicBezTo>
                        <a:pt x="0" y="99"/>
                        <a:pt x="0" y="95"/>
                        <a:pt x="2" y="91"/>
                      </a:cubicBezTo>
                      <a:cubicBezTo>
                        <a:pt x="3" y="89"/>
                        <a:pt x="3" y="89"/>
                        <a:pt x="3" y="89"/>
                      </a:cubicBezTo>
                      <a:cubicBezTo>
                        <a:pt x="4" y="86"/>
                        <a:pt x="5" y="84"/>
                        <a:pt x="7" y="82"/>
                      </a:cubicBezTo>
                      <a:cubicBezTo>
                        <a:pt x="83" y="6"/>
                        <a:pt x="83" y="6"/>
                        <a:pt x="83" y="6"/>
                      </a:cubicBezTo>
                      <a:cubicBezTo>
                        <a:pt x="85" y="5"/>
                        <a:pt x="85" y="5"/>
                        <a:pt x="85" y="5"/>
                      </a:cubicBezTo>
                      <a:cubicBezTo>
                        <a:pt x="88" y="3"/>
                        <a:pt x="91" y="2"/>
                        <a:pt x="94" y="1"/>
                      </a:cubicBezTo>
                      <a:cubicBezTo>
                        <a:pt x="96" y="0"/>
                        <a:pt x="96" y="0"/>
                        <a:pt x="96" y="0"/>
                      </a:cubicBezTo>
                      <a:cubicBezTo>
                        <a:pt x="100" y="0"/>
                        <a:pt x="104" y="0"/>
                        <a:pt x="108" y="1"/>
                      </a:cubicBezTo>
                      <a:cubicBezTo>
                        <a:pt x="110" y="2"/>
                        <a:pt x="110" y="2"/>
                        <a:pt x="110" y="2"/>
                      </a:cubicBezTo>
                      <a:cubicBezTo>
                        <a:pt x="113" y="4"/>
                        <a:pt x="115" y="5"/>
                        <a:pt x="117" y="7"/>
                      </a:cubicBezTo>
                      <a:close/>
                    </a:path>
                  </a:pathLst>
                </a:custGeom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  <a:headEnd/>
                      <a:tailEnd/>
                    </a14:hiddenLine>
                  </a:ext>
                </a:extLst>
              </p:spPr>
              <p:txBody>
                <a:bodyPr vert="horz" wrap="square" lIns="121920" tIns="60960" rIns="121920" bIns="60960" numCol="1" anchor="t" anchorCtr="0" compatLnSpc="1">
                  <a:prstTxWarp prst="textNoShape">
                    <a:avLst/>
                  </a:prstTxWarp>
                </a:bodyPr>
                <a:lstStyle/>
                <a:p>
                  <a:endParaRPr lang="zh-CN" altLang="en-US" sz="2400"/>
                </a:p>
              </p:txBody>
            </p:sp>
            <p:sp>
              <p:nvSpPr>
                <p:cNvPr id="50" name="Freeform 8"/>
                <p:cNvSpPr>
                  <a:spLocks/>
                </p:cNvSpPr>
                <p:nvPr/>
              </p:nvSpPr>
              <p:spPr bwMode="auto">
                <a:xfrm>
                  <a:off x="2448901" y="1630972"/>
                  <a:ext cx="805199" cy="803695"/>
                </a:xfrm>
                <a:custGeom>
                  <a:avLst/>
                  <a:gdLst>
                    <a:gd name="T0" fmla="*/ 111 w 193"/>
                    <a:gd name="T1" fmla="*/ 8 h 193"/>
                    <a:gd name="T2" fmla="*/ 186 w 193"/>
                    <a:gd name="T3" fmla="*/ 83 h 193"/>
                    <a:gd name="T4" fmla="*/ 186 w 193"/>
                    <a:gd name="T5" fmla="*/ 110 h 193"/>
                    <a:gd name="T6" fmla="*/ 111 w 193"/>
                    <a:gd name="T7" fmla="*/ 185 h 193"/>
                    <a:gd name="T8" fmla="*/ 83 w 193"/>
                    <a:gd name="T9" fmla="*/ 185 h 193"/>
                    <a:gd name="T10" fmla="*/ 8 w 193"/>
                    <a:gd name="T11" fmla="*/ 110 h 193"/>
                    <a:gd name="T12" fmla="*/ 8 w 193"/>
                    <a:gd name="T13" fmla="*/ 83 h 193"/>
                    <a:gd name="T14" fmla="*/ 83 w 193"/>
                    <a:gd name="T15" fmla="*/ 8 h 193"/>
                    <a:gd name="T16" fmla="*/ 111 w 193"/>
                    <a:gd name="T17" fmla="*/ 8 h 19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93" h="193">
                      <a:moveTo>
                        <a:pt x="111" y="8"/>
                      </a:moveTo>
                      <a:cubicBezTo>
                        <a:pt x="186" y="83"/>
                        <a:pt x="186" y="83"/>
                        <a:pt x="186" y="83"/>
                      </a:cubicBezTo>
                      <a:cubicBezTo>
                        <a:pt x="193" y="90"/>
                        <a:pt x="193" y="103"/>
                        <a:pt x="186" y="110"/>
                      </a:cubicBezTo>
                      <a:cubicBezTo>
                        <a:pt x="111" y="185"/>
                        <a:pt x="111" y="185"/>
                        <a:pt x="111" y="185"/>
                      </a:cubicBezTo>
                      <a:cubicBezTo>
                        <a:pt x="103" y="193"/>
                        <a:pt x="91" y="193"/>
                        <a:pt x="83" y="185"/>
                      </a:cubicBezTo>
                      <a:cubicBezTo>
                        <a:pt x="8" y="110"/>
                        <a:pt x="8" y="110"/>
                        <a:pt x="8" y="110"/>
                      </a:cubicBezTo>
                      <a:cubicBezTo>
                        <a:pt x="0" y="103"/>
                        <a:pt x="0" y="90"/>
                        <a:pt x="8" y="83"/>
                      </a:cubicBezTo>
                      <a:cubicBezTo>
                        <a:pt x="83" y="8"/>
                        <a:pt x="83" y="8"/>
                        <a:pt x="83" y="8"/>
                      </a:cubicBezTo>
                      <a:cubicBezTo>
                        <a:pt x="91" y="0"/>
                        <a:pt x="103" y="0"/>
                        <a:pt x="111" y="8"/>
                      </a:cubicBezTo>
                      <a:close/>
                    </a:path>
                  </a:pathLst>
                </a:custGeom>
                <a:solidFill>
                  <a:srgbClr val="BFBFBF"/>
                </a:solidFill>
                <a:ln w="12700" cap="flat" cmpd="sng" algn="ctr">
                  <a:solidFill>
                    <a:sysClr val="window" lastClr="FFFFFF"/>
                  </a:solidFill>
                  <a:prstDash val="solid"/>
                </a:ln>
                <a:effectLst/>
              </p:spPr>
              <p:txBody>
                <a:bodyPr rtlCol="0" anchor="ctr"/>
                <a:lstStyle/>
                <a:p>
                  <a:pPr algn="ctr"/>
                  <a:endParaRPr lang="zh-CN" altLang="en-US" sz="2400" kern="0">
                    <a:solidFill>
                      <a:prstClr val="black"/>
                    </a:solidFill>
                    <a:latin typeface="Calibri"/>
                    <a:ea typeface="宋体"/>
                  </a:endParaRPr>
                </a:p>
              </p:txBody>
            </p:sp>
          </p:grpSp>
          <p:sp>
            <p:nvSpPr>
              <p:cNvPr id="47" name="标题层"/>
              <p:cNvSpPr txBox="1"/>
              <p:nvPr/>
            </p:nvSpPr>
            <p:spPr bwMode="auto">
              <a:xfrm>
                <a:off x="4126818" y="1756621"/>
                <a:ext cx="617718" cy="500089"/>
              </a:xfrm>
              <a:prstGeom prst="rect">
                <a:avLst/>
              </a:prstGeom>
              <a:noFill/>
              <a:effectLst/>
            </p:spPr>
            <p:txBody>
              <a:bodyPr wrap="square">
                <a:spAutoFit/>
              </a:bodyPr>
              <a:lstStyle/>
              <a:p>
                <a:pPr algn="ctr" defTabSz="1219170">
                  <a:defRPr/>
                </a:pPr>
                <a:r>
                  <a:rPr lang="en-US" altLang="zh-CN" sz="3600" b="1" kern="0" dirty="0">
                    <a:solidFill>
                      <a:schemeClr val="bg1"/>
                    </a:solidFill>
                    <a:latin typeface="Agency FB" panose="020B0503020202020204" pitchFamily="34" charset="0"/>
                    <a:ea typeface="微软雅黑" pitchFamily="34" charset="-122"/>
                    <a:cs typeface="Arial" panose="020B0604020202020204" pitchFamily="34" charset="0"/>
                  </a:rPr>
                  <a:t>03</a:t>
                </a:r>
                <a:endParaRPr lang="zh-CN" altLang="en-US" sz="3600" b="1" kern="0" dirty="0">
                  <a:solidFill>
                    <a:schemeClr val="bg1"/>
                  </a:solidFill>
                  <a:latin typeface="Agency FB" panose="020B0503020202020204" pitchFamily="34" charset="0"/>
                  <a:ea typeface="微软雅黑" pitchFamily="34" charset="-122"/>
                  <a:cs typeface="Arial" panose="020B0604020202020204" pitchFamily="34" charset="0"/>
                </a:endParaRPr>
              </a:p>
            </p:txBody>
          </p:sp>
        </p:grpSp>
        <p:sp>
          <p:nvSpPr>
            <p:cNvPr id="45" name="矩形 44"/>
            <p:cNvSpPr/>
            <p:nvPr/>
          </p:nvSpPr>
          <p:spPr>
            <a:xfrm>
              <a:off x="4188184" y="3486690"/>
              <a:ext cx="2832088" cy="36904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2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Click to enter a brief text content, text content should be summarized refined, without the extra text decoration, concise description of the content.</a:t>
              </a:r>
              <a:endParaRPr lang="zh-CN" altLang="en-US" sz="12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sp>
        <p:nvSpPr>
          <p:cNvPr id="51" name="圆角矩形 50"/>
          <p:cNvSpPr/>
          <p:nvPr/>
        </p:nvSpPr>
        <p:spPr>
          <a:xfrm>
            <a:off x="1199456" y="2241748"/>
            <a:ext cx="3648405" cy="3648405"/>
          </a:xfrm>
          <a:prstGeom prst="roundRect">
            <a:avLst>
              <a:gd name="adj" fmla="val 9899"/>
            </a:avLst>
          </a:prstGeom>
          <a:blipFill>
            <a:blip r:embed="rId8"/>
            <a:stretch>
              <a:fillRect/>
            </a:stretch>
          </a:blipFill>
          <a:ln w="5080">
            <a:solidFill>
              <a:schemeClr val="tx2"/>
            </a:solidFill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</p:spTree>
    <p:extLst>
      <p:ext uri="{BB962C8B-B14F-4D97-AF65-F5344CB8AC3E}">
        <p14:creationId xmlns:p14="http://schemas.microsoft.com/office/powerpoint/2010/main" val="985405811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:a14="http://schemas.microsoft.com/office/drawing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" dur="5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" presetClass="entr" presetSubtype="2" decel="52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2" decel="52000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5200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1" grpId="0" animBg="1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文本框 14"/>
          <p:cNvSpPr txBox="1"/>
          <p:nvPr/>
        </p:nvSpPr>
        <p:spPr>
          <a:xfrm>
            <a:off x="8843643" y="5531224"/>
            <a:ext cx="2476960" cy="120032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" name="文本框 15"/>
          <p:cNvSpPr txBox="1"/>
          <p:nvPr/>
        </p:nvSpPr>
        <p:spPr>
          <a:xfrm>
            <a:off x="969769" y="5531224"/>
            <a:ext cx="2476960" cy="120032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7" name="文本框 16"/>
          <p:cNvSpPr txBox="1"/>
          <p:nvPr/>
        </p:nvSpPr>
        <p:spPr>
          <a:xfrm>
            <a:off x="6210420" y="5531224"/>
            <a:ext cx="2476960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" name="文本框 17"/>
          <p:cNvSpPr txBox="1"/>
          <p:nvPr/>
        </p:nvSpPr>
        <p:spPr>
          <a:xfrm>
            <a:off x="3602992" y="5531224"/>
            <a:ext cx="2476960" cy="120032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b="1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19" name="组合 18"/>
          <p:cNvGrpSpPr/>
          <p:nvPr/>
        </p:nvGrpSpPr>
        <p:grpSpPr>
          <a:xfrm>
            <a:off x="1457934" y="3082228"/>
            <a:ext cx="1414369" cy="2104307"/>
            <a:chOff x="1457934" y="3082228"/>
            <a:chExt cx="1414369" cy="2104307"/>
          </a:xfrm>
        </p:grpSpPr>
        <p:sp>
          <p:nvSpPr>
            <p:cNvPr id="20" name="任意多边形 19"/>
            <p:cNvSpPr/>
            <p:nvPr/>
          </p:nvSpPr>
          <p:spPr>
            <a:xfrm rot="16200000">
              <a:off x="1112965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1" name="Freeform 14"/>
            <p:cNvSpPr>
              <a:spLocks noChangeAspect="1" noEditPoints="1"/>
            </p:cNvSpPr>
            <p:nvPr/>
          </p:nvSpPr>
          <p:spPr bwMode="auto">
            <a:xfrm>
              <a:off x="1920064" y="3983992"/>
              <a:ext cx="477732" cy="475808"/>
            </a:xfrm>
            <a:custGeom>
              <a:avLst/>
              <a:gdLst>
                <a:gd name="T0" fmla="*/ 359 w 605"/>
                <a:gd name="T1" fmla="*/ 39 h 602"/>
                <a:gd name="T2" fmla="*/ 462 w 605"/>
                <a:gd name="T3" fmla="*/ 85 h 602"/>
                <a:gd name="T4" fmla="*/ 537 w 605"/>
                <a:gd name="T5" fmla="*/ 168 h 602"/>
                <a:gd name="T6" fmla="*/ 572 w 605"/>
                <a:gd name="T7" fmla="*/ 275 h 602"/>
                <a:gd name="T8" fmla="*/ 560 w 605"/>
                <a:gd name="T9" fmla="*/ 387 h 602"/>
                <a:gd name="T10" fmla="*/ 504 w 605"/>
                <a:gd name="T11" fmla="*/ 484 h 602"/>
                <a:gd name="T12" fmla="*/ 413 w 605"/>
                <a:gd name="T13" fmla="*/ 551 h 602"/>
                <a:gd name="T14" fmla="*/ 303 w 605"/>
                <a:gd name="T15" fmla="*/ 574 h 602"/>
                <a:gd name="T16" fmla="*/ 193 w 605"/>
                <a:gd name="T17" fmla="*/ 551 h 602"/>
                <a:gd name="T18" fmla="*/ 102 w 605"/>
                <a:gd name="T19" fmla="*/ 484 h 602"/>
                <a:gd name="T20" fmla="*/ 46 w 605"/>
                <a:gd name="T21" fmla="*/ 387 h 602"/>
                <a:gd name="T22" fmla="*/ 34 w 605"/>
                <a:gd name="T23" fmla="*/ 275 h 602"/>
                <a:gd name="T24" fmla="*/ 69 w 605"/>
                <a:gd name="T25" fmla="*/ 168 h 602"/>
                <a:gd name="T26" fmla="*/ 144 w 605"/>
                <a:gd name="T27" fmla="*/ 85 h 602"/>
                <a:gd name="T28" fmla="*/ 247 w 605"/>
                <a:gd name="T29" fmla="*/ 39 h 602"/>
                <a:gd name="T30" fmla="*/ 359 w 605"/>
                <a:gd name="T31" fmla="*/ 39 h 602"/>
                <a:gd name="T32" fmla="*/ 376 w 605"/>
                <a:gd name="T33" fmla="*/ 379 h 602"/>
                <a:gd name="T34" fmla="*/ 376 w 605"/>
                <a:gd name="T35" fmla="*/ 379 h 602"/>
                <a:gd name="T36" fmla="*/ 412 w 605"/>
                <a:gd name="T37" fmla="*/ 419 h 602"/>
                <a:gd name="T38" fmla="*/ 397 w 605"/>
                <a:gd name="T39" fmla="*/ 332 h 602"/>
                <a:gd name="T40" fmla="*/ 376 w 605"/>
                <a:gd name="T41" fmla="*/ 379 h 602"/>
                <a:gd name="T42" fmla="*/ 186 w 605"/>
                <a:gd name="T43" fmla="*/ 222 h 602"/>
                <a:gd name="T44" fmla="*/ 186 w 605"/>
                <a:gd name="T45" fmla="*/ 222 h 602"/>
                <a:gd name="T46" fmla="*/ 221 w 605"/>
                <a:gd name="T47" fmla="*/ 261 h 602"/>
                <a:gd name="T48" fmla="*/ 207 w 605"/>
                <a:gd name="T49" fmla="*/ 175 h 602"/>
                <a:gd name="T50" fmla="*/ 186 w 605"/>
                <a:gd name="T51" fmla="*/ 222 h 602"/>
                <a:gd name="T52" fmla="*/ 141 w 605"/>
                <a:gd name="T53" fmla="*/ 222 h 602"/>
                <a:gd name="T54" fmla="*/ 141 w 605"/>
                <a:gd name="T55" fmla="*/ 222 h 602"/>
                <a:gd name="T56" fmla="*/ 256 w 605"/>
                <a:gd name="T57" fmla="*/ 162 h 602"/>
                <a:gd name="T58" fmla="*/ 208 w 605"/>
                <a:gd name="T59" fmla="*/ 301 h 602"/>
                <a:gd name="T60" fmla="*/ 141 w 605"/>
                <a:gd name="T61" fmla="*/ 222 h 602"/>
                <a:gd name="T62" fmla="*/ 244 w 605"/>
                <a:gd name="T63" fmla="*/ 460 h 602"/>
                <a:gd name="T64" fmla="*/ 244 w 605"/>
                <a:gd name="T65" fmla="*/ 460 h 602"/>
                <a:gd name="T66" fmla="*/ 201 w 605"/>
                <a:gd name="T67" fmla="*/ 460 h 602"/>
                <a:gd name="T68" fmla="*/ 362 w 605"/>
                <a:gd name="T69" fmla="*/ 141 h 602"/>
                <a:gd name="T70" fmla="*/ 404 w 605"/>
                <a:gd name="T71" fmla="*/ 141 h 602"/>
                <a:gd name="T72" fmla="*/ 244 w 605"/>
                <a:gd name="T73" fmla="*/ 460 h 602"/>
                <a:gd name="T74" fmla="*/ 331 w 605"/>
                <a:gd name="T75" fmla="*/ 379 h 602"/>
                <a:gd name="T76" fmla="*/ 331 w 605"/>
                <a:gd name="T77" fmla="*/ 379 h 602"/>
                <a:gd name="T78" fmla="*/ 446 w 605"/>
                <a:gd name="T79" fmla="*/ 319 h 602"/>
                <a:gd name="T80" fmla="*/ 398 w 605"/>
                <a:gd name="T81" fmla="*/ 459 h 602"/>
                <a:gd name="T82" fmla="*/ 331 w 605"/>
                <a:gd name="T83" fmla="*/ 379 h 6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605" h="602">
                  <a:moveTo>
                    <a:pt x="359" y="39"/>
                  </a:moveTo>
                  <a:cubicBezTo>
                    <a:pt x="435" y="31"/>
                    <a:pt x="417" y="22"/>
                    <a:pt x="462" y="85"/>
                  </a:cubicBezTo>
                  <a:cubicBezTo>
                    <a:pt x="535" y="108"/>
                    <a:pt x="521" y="93"/>
                    <a:pt x="537" y="168"/>
                  </a:cubicBezTo>
                  <a:cubicBezTo>
                    <a:pt x="594" y="219"/>
                    <a:pt x="588" y="200"/>
                    <a:pt x="572" y="275"/>
                  </a:cubicBezTo>
                  <a:cubicBezTo>
                    <a:pt x="603" y="345"/>
                    <a:pt x="605" y="325"/>
                    <a:pt x="560" y="387"/>
                  </a:cubicBezTo>
                  <a:cubicBezTo>
                    <a:pt x="560" y="464"/>
                    <a:pt x="570" y="446"/>
                    <a:pt x="504" y="484"/>
                  </a:cubicBezTo>
                  <a:cubicBezTo>
                    <a:pt x="473" y="555"/>
                    <a:pt x="489" y="543"/>
                    <a:pt x="413" y="551"/>
                  </a:cubicBezTo>
                  <a:cubicBezTo>
                    <a:pt x="356" y="602"/>
                    <a:pt x="376" y="598"/>
                    <a:pt x="303" y="574"/>
                  </a:cubicBezTo>
                  <a:cubicBezTo>
                    <a:pt x="230" y="598"/>
                    <a:pt x="250" y="602"/>
                    <a:pt x="193" y="551"/>
                  </a:cubicBezTo>
                  <a:cubicBezTo>
                    <a:pt x="116" y="543"/>
                    <a:pt x="133" y="555"/>
                    <a:pt x="102" y="484"/>
                  </a:cubicBezTo>
                  <a:cubicBezTo>
                    <a:pt x="35" y="446"/>
                    <a:pt x="45" y="464"/>
                    <a:pt x="46" y="387"/>
                  </a:cubicBezTo>
                  <a:cubicBezTo>
                    <a:pt x="0" y="325"/>
                    <a:pt x="2" y="345"/>
                    <a:pt x="34" y="275"/>
                  </a:cubicBezTo>
                  <a:cubicBezTo>
                    <a:pt x="18" y="200"/>
                    <a:pt x="11" y="219"/>
                    <a:pt x="69" y="168"/>
                  </a:cubicBezTo>
                  <a:cubicBezTo>
                    <a:pt x="84" y="93"/>
                    <a:pt x="71" y="108"/>
                    <a:pt x="144" y="85"/>
                  </a:cubicBezTo>
                  <a:cubicBezTo>
                    <a:pt x="189" y="22"/>
                    <a:pt x="170" y="31"/>
                    <a:pt x="247" y="39"/>
                  </a:cubicBezTo>
                  <a:cubicBezTo>
                    <a:pt x="313" y="0"/>
                    <a:pt x="293" y="0"/>
                    <a:pt x="359" y="39"/>
                  </a:cubicBezTo>
                  <a:close/>
                  <a:moveTo>
                    <a:pt x="376" y="379"/>
                  </a:moveTo>
                  <a:lnTo>
                    <a:pt x="376" y="379"/>
                  </a:lnTo>
                  <a:cubicBezTo>
                    <a:pt x="376" y="443"/>
                    <a:pt x="406" y="427"/>
                    <a:pt x="412" y="419"/>
                  </a:cubicBezTo>
                  <a:cubicBezTo>
                    <a:pt x="418" y="409"/>
                    <a:pt x="429" y="332"/>
                    <a:pt x="397" y="332"/>
                  </a:cubicBezTo>
                  <a:cubicBezTo>
                    <a:pt x="378" y="332"/>
                    <a:pt x="376" y="356"/>
                    <a:pt x="376" y="379"/>
                  </a:cubicBezTo>
                  <a:close/>
                  <a:moveTo>
                    <a:pt x="186" y="222"/>
                  </a:moveTo>
                  <a:lnTo>
                    <a:pt x="186" y="222"/>
                  </a:lnTo>
                  <a:cubicBezTo>
                    <a:pt x="186" y="286"/>
                    <a:pt x="217" y="268"/>
                    <a:pt x="221" y="261"/>
                  </a:cubicBezTo>
                  <a:cubicBezTo>
                    <a:pt x="228" y="251"/>
                    <a:pt x="238" y="175"/>
                    <a:pt x="207" y="175"/>
                  </a:cubicBezTo>
                  <a:cubicBezTo>
                    <a:pt x="188" y="175"/>
                    <a:pt x="186" y="199"/>
                    <a:pt x="186" y="222"/>
                  </a:cubicBezTo>
                  <a:close/>
                  <a:moveTo>
                    <a:pt x="141" y="222"/>
                  </a:moveTo>
                  <a:lnTo>
                    <a:pt x="141" y="222"/>
                  </a:lnTo>
                  <a:cubicBezTo>
                    <a:pt x="141" y="124"/>
                    <a:pt x="229" y="132"/>
                    <a:pt x="256" y="162"/>
                  </a:cubicBezTo>
                  <a:cubicBezTo>
                    <a:pt x="282" y="190"/>
                    <a:pt x="291" y="301"/>
                    <a:pt x="208" y="301"/>
                  </a:cubicBezTo>
                  <a:cubicBezTo>
                    <a:pt x="160" y="301"/>
                    <a:pt x="141" y="269"/>
                    <a:pt x="141" y="222"/>
                  </a:cubicBezTo>
                  <a:close/>
                  <a:moveTo>
                    <a:pt x="244" y="460"/>
                  </a:moveTo>
                  <a:lnTo>
                    <a:pt x="244" y="460"/>
                  </a:lnTo>
                  <a:cubicBezTo>
                    <a:pt x="230" y="460"/>
                    <a:pt x="216" y="460"/>
                    <a:pt x="201" y="460"/>
                  </a:cubicBezTo>
                  <a:cubicBezTo>
                    <a:pt x="255" y="354"/>
                    <a:pt x="309" y="247"/>
                    <a:pt x="362" y="141"/>
                  </a:cubicBezTo>
                  <a:cubicBezTo>
                    <a:pt x="376" y="141"/>
                    <a:pt x="390" y="141"/>
                    <a:pt x="404" y="141"/>
                  </a:cubicBezTo>
                  <a:cubicBezTo>
                    <a:pt x="351" y="247"/>
                    <a:pt x="298" y="354"/>
                    <a:pt x="244" y="460"/>
                  </a:cubicBezTo>
                  <a:close/>
                  <a:moveTo>
                    <a:pt x="331" y="379"/>
                  </a:moveTo>
                  <a:lnTo>
                    <a:pt x="331" y="379"/>
                  </a:lnTo>
                  <a:cubicBezTo>
                    <a:pt x="331" y="282"/>
                    <a:pt x="419" y="289"/>
                    <a:pt x="446" y="319"/>
                  </a:cubicBezTo>
                  <a:cubicBezTo>
                    <a:pt x="473" y="348"/>
                    <a:pt x="481" y="459"/>
                    <a:pt x="398" y="459"/>
                  </a:cubicBezTo>
                  <a:cubicBezTo>
                    <a:pt x="351" y="459"/>
                    <a:pt x="331" y="427"/>
                    <a:pt x="331" y="37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2" name="组合 21"/>
          <p:cNvGrpSpPr/>
          <p:nvPr/>
        </p:nvGrpSpPr>
        <p:grpSpPr>
          <a:xfrm>
            <a:off x="6672787" y="3082228"/>
            <a:ext cx="1414369" cy="2104307"/>
            <a:chOff x="6672787" y="3082228"/>
            <a:chExt cx="1414369" cy="2104307"/>
          </a:xfrm>
        </p:grpSpPr>
        <p:sp>
          <p:nvSpPr>
            <p:cNvPr id="23" name="任意多边形 22"/>
            <p:cNvSpPr/>
            <p:nvPr/>
          </p:nvSpPr>
          <p:spPr>
            <a:xfrm rot="16200000">
              <a:off x="6327818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4" name="Freeform 26"/>
            <p:cNvSpPr>
              <a:spLocks noEditPoints="1"/>
            </p:cNvSpPr>
            <p:nvPr/>
          </p:nvSpPr>
          <p:spPr bwMode="auto">
            <a:xfrm>
              <a:off x="7177738" y="4009423"/>
              <a:ext cx="404466" cy="424946"/>
            </a:xfrm>
            <a:custGeom>
              <a:avLst/>
              <a:gdLst>
                <a:gd name="T0" fmla="*/ 139 w 577"/>
                <a:gd name="T1" fmla="*/ 87 h 609"/>
                <a:gd name="T2" fmla="*/ 27 w 577"/>
                <a:gd name="T3" fmla="*/ 87 h 609"/>
                <a:gd name="T4" fmla="*/ 27 w 577"/>
                <a:gd name="T5" fmla="*/ 48 h 609"/>
                <a:gd name="T6" fmla="*/ 139 w 577"/>
                <a:gd name="T7" fmla="*/ 48 h 609"/>
                <a:gd name="T8" fmla="*/ 139 w 577"/>
                <a:gd name="T9" fmla="*/ 87 h 609"/>
                <a:gd name="T10" fmla="*/ 139 w 577"/>
                <a:gd name="T11" fmla="*/ 179 h 609"/>
                <a:gd name="T12" fmla="*/ 27 w 577"/>
                <a:gd name="T13" fmla="*/ 179 h 609"/>
                <a:gd name="T14" fmla="*/ 27 w 577"/>
                <a:gd name="T15" fmla="*/ 140 h 609"/>
                <a:gd name="T16" fmla="*/ 139 w 577"/>
                <a:gd name="T17" fmla="*/ 140 h 609"/>
                <a:gd name="T18" fmla="*/ 139 w 577"/>
                <a:gd name="T19" fmla="*/ 179 h 609"/>
                <a:gd name="T20" fmla="*/ 139 w 577"/>
                <a:gd name="T21" fmla="*/ 271 h 609"/>
                <a:gd name="T22" fmla="*/ 27 w 577"/>
                <a:gd name="T23" fmla="*/ 271 h 609"/>
                <a:gd name="T24" fmla="*/ 27 w 577"/>
                <a:gd name="T25" fmla="*/ 232 h 609"/>
                <a:gd name="T26" fmla="*/ 139 w 577"/>
                <a:gd name="T27" fmla="*/ 232 h 609"/>
                <a:gd name="T28" fmla="*/ 139 w 577"/>
                <a:gd name="T29" fmla="*/ 271 h 609"/>
                <a:gd name="T30" fmla="*/ 0 w 577"/>
                <a:gd name="T31" fmla="*/ 609 h 609"/>
                <a:gd name="T32" fmla="*/ 166 w 577"/>
                <a:gd name="T33" fmla="*/ 609 h 609"/>
                <a:gd name="T34" fmla="*/ 166 w 577"/>
                <a:gd name="T35" fmla="*/ 0 h 609"/>
                <a:gd name="T36" fmla="*/ 0 w 577"/>
                <a:gd name="T37" fmla="*/ 0 h 609"/>
                <a:gd name="T38" fmla="*/ 0 w 577"/>
                <a:gd name="T39" fmla="*/ 609 h 609"/>
                <a:gd name="T40" fmla="*/ 344 w 577"/>
                <a:gd name="T41" fmla="*/ 87 h 609"/>
                <a:gd name="T42" fmla="*/ 232 w 577"/>
                <a:gd name="T43" fmla="*/ 87 h 609"/>
                <a:gd name="T44" fmla="*/ 232 w 577"/>
                <a:gd name="T45" fmla="*/ 48 h 609"/>
                <a:gd name="T46" fmla="*/ 344 w 577"/>
                <a:gd name="T47" fmla="*/ 48 h 609"/>
                <a:gd name="T48" fmla="*/ 344 w 577"/>
                <a:gd name="T49" fmla="*/ 87 h 609"/>
                <a:gd name="T50" fmla="*/ 344 w 577"/>
                <a:gd name="T51" fmla="*/ 179 h 609"/>
                <a:gd name="T52" fmla="*/ 232 w 577"/>
                <a:gd name="T53" fmla="*/ 179 h 609"/>
                <a:gd name="T54" fmla="*/ 232 w 577"/>
                <a:gd name="T55" fmla="*/ 140 h 609"/>
                <a:gd name="T56" fmla="*/ 344 w 577"/>
                <a:gd name="T57" fmla="*/ 140 h 609"/>
                <a:gd name="T58" fmla="*/ 344 w 577"/>
                <a:gd name="T59" fmla="*/ 179 h 609"/>
                <a:gd name="T60" fmla="*/ 344 w 577"/>
                <a:gd name="T61" fmla="*/ 271 h 609"/>
                <a:gd name="T62" fmla="*/ 232 w 577"/>
                <a:gd name="T63" fmla="*/ 271 h 609"/>
                <a:gd name="T64" fmla="*/ 232 w 577"/>
                <a:gd name="T65" fmla="*/ 232 h 609"/>
                <a:gd name="T66" fmla="*/ 344 w 577"/>
                <a:gd name="T67" fmla="*/ 232 h 609"/>
                <a:gd name="T68" fmla="*/ 344 w 577"/>
                <a:gd name="T69" fmla="*/ 271 h 609"/>
                <a:gd name="T70" fmla="*/ 205 w 577"/>
                <a:gd name="T71" fmla="*/ 609 h 609"/>
                <a:gd name="T72" fmla="*/ 371 w 577"/>
                <a:gd name="T73" fmla="*/ 609 h 609"/>
                <a:gd name="T74" fmla="*/ 371 w 577"/>
                <a:gd name="T75" fmla="*/ 0 h 609"/>
                <a:gd name="T76" fmla="*/ 205 w 577"/>
                <a:gd name="T77" fmla="*/ 0 h 609"/>
                <a:gd name="T78" fmla="*/ 205 w 577"/>
                <a:gd name="T79" fmla="*/ 609 h 609"/>
                <a:gd name="T80" fmla="*/ 549 w 577"/>
                <a:gd name="T81" fmla="*/ 87 h 609"/>
                <a:gd name="T82" fmla="*/ 437 w 577"/>
                <a:gd name="T83" fmla="*/ 87 h 609"/>
                <a:gd name="T84" fmla="*/ 437 w 577"/>
                <a:gd name="T85" fmla="*/ 48 h 609"/>
                <a:gd name="T86" fmla="*/ 549 w 577"/>
                <a:gd name="T87" fmla="*/ 48 h 609"/>
                <a:gd name="T88" fmla="*/ 549 w 577"/>
                <a:gd name="T89" fmla="*/ 87 h 609"/>
                <a:gd name="T90" fmla="*/ 549 w 577"/>
                <a:gd name="T91" fmla="*/ 179 h 609"/>
                <a:gd name="T92" fmla="*/ 437 w 577"/>
                <a:gd name="T93" fmla="*/ 179 h 609"/>
                <a:gd name="T94" fmla="*/ 437 w 577"/>
                <a:gd name="T95" fmla="*/ 140 h 609"/>
                <a:gd name="T96" fmla="*/ 549 w 577"/>
                <a:gd name="T97" fmla="*/ 140 h 609"/>
                <a:gd name="T98" fmla="*/ 549 w 577"/>
                <a:gd name="T99" fmla="*/ 179 h 609"/>
                <a:gd name="T100" fmla="*/ 549 w 577"/>
                <a:gd name="T101" fmla="*/ 271 h 609"/>
                <a:gd name="T102" fmla="*/ 437 w 577"/>
                <a:gd name="T103" fmla="*/ 271 h 609"/>
                <a:gd name="T104" fmla="*/ 437 w 577"/>
                <a:gd name="T105" fmla="*/ 232 h 609"/>
                <a:gd name="T106" fmla="*/ 549 w 577"/>
                <a:gd name="T107" fmla="*/ 232 h 609"/>
                <a:gd name="T108" fmla="*/ 549 w 577"/>
                <a:gd name="T109" fmla="*/ 271 h 609"/>
                <a:gd name="T110" fmla="*/ 410 w 577"/>
                <a:gd name="T111" fmla="*/ 609 h 609"/>
                <a:gd name="T112" fmla="*/ 577 w 577"/>
                <a:gd name="T113" fmla="*/ 609 h 609"/>
                <a:gd name="T114" fmla="*/ 577 w 577"/>
                <a:gd name="T115" fmla="*/ 0 h 609"/>
                <a:gd name="T116" fmla="*/ 410 w 577"/>
                <a:gd name="T117" fmla="*/ 0 h 609"/>
                <a:gd name="T118" fmla="*/ 410 w 577"/>
                <a:gd name="T119" fmla="*/ 609 h 6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577" h="609">
                  <a:moveTo>
                    <a:pt x="139" y="87"/>
                  </a:moveTo>
                  <a:lnTo>
                    <a:pt x="27" y="87"/>
                  </a:lnTo>
                  <a:lnTo>
                    <a:pt x="27" y="48"/>
                  </a:lnTo>
                  <a:lnTo>
                    <a:pt x="139" y="48"/>
                  </a:lnTo>
                  <a:lnTo>
                    <a:pt x="139" y="87"/>
                  </a:lnTo>
                  <a:close/>
                  <a:moveTo>
                    <a:pt x="139" y="179"/>
                  </a:moveTo>
                  <a:lnTo>
                    <a:pt x="27" y="179"/>
                  </a:lnTo>
                  <a:lnTo>
                    <a:pt x="27" y="140"/>
                  </a:lnTo>
                  <a:lnTo>
                    <a:pt x="139" y="140"/>
                  </a:lnTo>
                  <a:lnTo>
                    <a:pt x="139" y="179"/>
                  </a:lnTo>
                  <a:close/>
                  <a:moveTo>
                    <a:pt x="139" y="271"/>
                  </a:moveTo>
                  <a:lnTo>
                    <a:pt x="27" y="271"/>
                  </a:lnTo>
                  <a:lnTo>
                    <a:pt x="27" y="232"/>
                  </a:lnTo>
                  <a:lnTo>
                    <a:pt x="139" y="232"/>
                  </a:lnTo>
                  <a:lnTo>
                    <a:pt x="139" y="271"/>
                  </a:lnTo>
                  <a:close/>
                  <a:moveTo>
                    <a:pt x="0" y="609"/>
                  </a:moveTo>
                  <a:lnTo>
                    <a:pt x="166" y="609"/>
                  </a:lnTo>
                  <a:lnTo>
                    <a:pt x="166" y="0"/>
                  </a:lnTo>
                  <a:lnTo>
                    <a:pt x="0" y="0"/>
                  </a:lnTo>
                  <a:lnTo>
                    <a:pt x="0" y="609"/>
                  </a:lnTo>
                  <a:close/>
                  <a:moveTo>
                    <a:pt x="344" y="87"/>
                  </a:moveTo>
                  <a:lnTo>
                    <a:pt x="232" y="87"/>
                  </a:lnTo>
                  <a:lnTo>
                    <a:pt x="232" y="48"/>
                  </a:lnTo>
                  <a:lnTo>
                    <a:pt x="344" y="48"/>
                  </a:lnTo>
                  <a:lnTo>
                    <a:pt x="344" y="87"/>
                  </a:lnTo>
                  <a:close/>
                  <a:moveTo>
                    <a:pt x="344" y="179"/>
                  </a:moveTo>
                  <a:lnTo>
                    <a:pt x="232" y="179"/>
                  </a:lnTo>
                  <a:lnTo>
                    <a:pt x="232" y="140"/>
                  </a:lnTo>
                  <a:lnTo>
                    <a:pt x="344" y="140"/>
                  </a:lnTo>
                  <a:lnTo>
                    <a:pt x="344" y="179"/>
                  </a:lnTo>
                  <a:close/>
                  <a:moveTo>
                    <a:pt x="344" y="271"/>
                  </a:moveTo>
                  <a:lnTo>
                    <a:pt x="232" y="271"/>
                  </a:lnTo>
                  <a:lnTo>
                    <a:pt x="232" y="232"/>
                  </a:lnTo>
                  <a:lnTo>
                    <a:pt x="344" y="232"/>
                  </a:lnTo>
                  <a:lnTo>
                    <a:pt x="344" y="271"/>
                  </a:lnTo>
                  <a:close/>
                  <a:moveTo>
                    <a:pt x="205" y="609"/>
                  </a:moveTo>
                  <a:lnTo>
                    <a:pt x="371" y="609"/>
                  </a:lnTo>
                  <a:lnTo>
                    <a:pt x="371" y="0"/>
                  </a:lnTo>
                  <a:lnTo>
                    <a:pt x="205" y="0"/>
                  </a:lnTo>
                  <a:lnTo>
                    <a:pt x="205" y="609"/>
                  </a:lnTo>
                  <a:close/>
                  <a:moveTo>
                    <a:pt x="549" y="87"/>
                  </a:moveTo>
                  <a:lnTo>
                    <a:pt x="437" y="87"/>
                  </a:lnTo>
                  <a:lnTo>
                    <a:pt x="437" y="48"/>
                  </a:lnTo>
                  <a:lnTo>
                    <a:pt x="549" y="48"/>
                  </a:lnTo>
                  <a:lnTo>
                    <a:pt x="549" y="87"/>
                  </a:lnTo>
                  <a:close/>
                  <a:moveTo>
                    <a:pt x="549" y="179"/>
                  </a:moveTo>
                  <a:lnTo>
                    <a:pt x="437" y="179"/>
                  </a:lnTo>
                  <a:lnTo>
                    <a:pt x="437" y="140"/>
                  </a:lnTo>
                  <a:lnTo>
                    <a:pt x="549" y="140"/>
                  </a:lnTo>
                  <a:lnTo>
                    <a:pt x="549" y="179"/>
                  </a:lnTo>
                  <a:close/>
                  <a:moveTo>
                    <a:pt x="549" y="271"/>
                  </a:moveTo>
                  <a:lnTo>
                    <a:pt x="437" y="271"/>
                  </a:lnTo>
                  <a:lnTo>
                    <a:pt x="437" y="232"/>
                  </a:lnTo>
                  <a:lnTo>
                    <a:pt x="549" y="232"/>
                  </a:lnTo>
                  <a:lnTo>
                    <a:pt x="549" y="271"/>
                  </a:lnTo>
                  <a:close/>
                  <a:moveTo>
                    <a:pt x="410" y="609"/>
                  </a:moveTo>
                  <a:lnTo>
                    <a:pt x="577" y="609"/>
                  </a:lnTo>
                  <a:lnTo>
                    <a:pt x="577" y="0"/>
                  </a:lnTo>
                  <a:lnTo>
                    <a:pt x="410" y="0"/>
                  </a:lnTo>
                  <a:lnTo>
                    <a:pt x="410" y="60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5" name="组合 24"/>
          <p:cNvGrpSpPr/>
          <p:nvPr/>
        </p:nvGrpSpPr>
        <p:grpSpPr>
          <a:xfrm>
            <a:off x="9299562" y="3082228"/>
            <a:ext cx="1414369" cy="2104307"/>
            <a:chOff x="9299562" y="3082228"/>
            <a:chExt cx="1414369" cy="2104307"/>
          </a:xfrm>
        </p:grpSpPr>
        <p:sp>
          <p:nvSpPr>
            <p:cNvPr id="26" name="任意多边形 25"/>
            <p:cNvSpPr/>
            <p:nvPr/>
          </p:nvSpPr>
          <p:spPr>
            <a:xfrm rot="16200000">
              <a:off x="8954593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7" name="Freeform 33"/>
            <p:cNvSpPr>
              <a:spLocks noEditPoints="1"/>
            </p:cNvSpPr>
            <p:nvPr/>
          </p:nvSpPr>
          <p:spPr bwMode="auto">
            <a:xfrm>
              <a:off x="9770114" y="4015842"/>
              <a:ext cx="473264" cy="444475"/>
            </a:xfrm>
            <a:custGeom>
              <a:avLst/>
              <a:gdLst>
                <a:gd name="T0" fmla="*/ 21 w 643"/>
                <a:gd name="T1" fmla="*/ 477 h 603"/>
                <a:gd name="T2" fmla="*/ 459 w 643"/>
                <a:gd name="T3" fmla="*/ 359 h 603"/>
                <a:gd name="T4" fmla="*/ 420 w 643"/>
                <a:gd name="T5" fmla="*/ 494 h 603"/>
                <a:gd name="T6" fmla="*/ 407 w 643"/>
                <a:gd name="T7" fmla="*/ 377 h 603"/>
                <a:gd name="T8" fmla="*/ 408 w 643"/>
                <a:gd name="T9" fmla="*/ 272 h 603"/>
                <a:gd name="T10" fmla="*/ 397 w 643"/>
                <a:gd name="T11" fmla="*/ 276 h 603"/>
                <a:gd name="T12" fmla="*/ 405 w 643"/>
                <a:gd name="T13" fmla="*/ 292 h 603"/>
                <a:gd name="T14" fmla="*/ 415 w 643"/>
                <a:gd name="T15" fmla="*/ 288 h 603"/>
                <a:gd name="T16" fmla="*/ 356 w 643"/>
                <a:gd name="T17" fmla="*/ 302 h 603"/>
                <a:gd name="T18" fmla="*/ 360 w 643"/>
                <a:gd name="T19" fmla="*/ 322 h 603"/>
                <a:gd name="T20" fmla="*/ 368 w 643"/>
                <a:gd name="T21" fmla="*/ 315 h 603"/>
                <a:gd name="T22" fmla="*/ 324 w 643"/>
                <a:gd name="T23" fmla="*/ 341 h 603"/>
                <a:gd name="T24" fmla="*/ 319 w 643"/>
                <a:gd name="T25" fmla="*/ 351 h 603"/>
                <a:gd name="T26" fmla="*/ 335 w 643"/>
                <a:gd name="T27" fmla="*/ 359 h 603"/>
                <a:gd name="T28" fmla="*/ 340 w 643"/>
                <a:gd name="T29" fmla="*/ 349 h 603"/>
                <a:gd name="T30" fmla="*/ 305 w 643"/>
                <a:gd name="T31" fmla="*/ 399 h 603"/>
                <a:gd name="T32" fmla="*/ 322 w 643"/>
                <a:gd name="T33" fmla="*/ 411 h 603"/>
                <a:gd name="T34" fmla="*/ 323 w 643"/>
                <a:gd name="T35" fmla="*/ 400 h 603"/>
                <a:gd name="T36" fmla="*/ 308 w 643"/>
                <a:gd name="T37" fmla="*/ 450 h 603"/>
                <a:gd name="T38" fmla="*/ 311 w 643"/>
                <a:gd name="T39" fmla="*/ 461 h 603"/>
                <a:gd name="T40" fmla="*/ 327 w 643"/>
                <a:gd name="T41" fmla="*/ 455 h 603"/>
                <a:gd name="T42" fmla="*/ 324 w 643"/>
                <a:gd name="T43" fmla="*/ 444 h 603"/>
                <a:gd name="T44" fmla="*/ 332 w 643"/>
                <a:gd name="T45" fmla="*/ 505 h 603"/>
                <a:gd name="T46" fmla="*/ 353 w 643"/>
                <a:gd name="T47" fmla="*/ 503 h 603"/>
                <a:gd name="T48" fmla="*/ 346 w 643"/>
                <a:gd name="T49" fmla="*/ 495 h 603"/>
                <a:gd name="T50" fmla="*/ 367 w 643"/>
                <a:gd name="T51" fmla="*/ 541 h 603"/>
                <a:gd name="T52" fmla="*/ 377 w 643"/>
                <a:gd name="T53" fmla="*/ 547 h 603"/>
                <a:gd name="T54" fmla="*/ 386 w 643"/>
                <a:gd name="T55" fmla="*/ 532 h 603"/>
                <a:gd name="T56" fmla="*/ 377 w 643"/>
                <a:gd name="T57" fmla="*/ 526 h 603"/>
                <a:gd name="T58" fmla="*/ 423 w 643"/>
                <a:gd name="T59" fmla="*/ 566 h 603"/>
                <a:gd name="T60" fmla="*/ 434 w 643"/>
                <a:gd name="T61" fmla="*/ 568 h 603"/>
                <a:gd name="T62" fmla="*/ 427 w 643"/>
                <a:gd name="T63" fmla="*/ 549 h 603"/>
                <a:gd name="T64" fmla="*/ 472 w 643"/>
                <a:gd name="T65" fmla="*/ 569 h 603"/>
                <a:gd name="T66" fmla="*/ 484 w 643"/>
                <a:gd name="T67" fmla="*/ 568 h 603"/>
                <a:gd name="T68" fmla="*/ 483 w 643"/>
                <a:gd name="T69" fmla="*/ 550 h 603"/>
                <a:gd name="T70" fmla="*/ 472 w 643"/>
                <a:gd name="T71" fmla="*/ 552 h 603"/>
                <a:gd name="T72" fmla="*/ 530 w 643"/>
                <a:gd name="T73" fmla="*/ 551 h 603"/>
                <a:gd name="T74" fmla="*/ 540 w 643"/>
                <a:gd name="T75" fmla="*/ 545 h 603"/>
                <a:gd name="T76" fmla="*/ 524 w 643"/>
                <a:gd name="T77" fmla="*/ 535 h 603"/>
                <a:gd name="T78" fmla="*/ 570 w 643"/>
                <a:gd name="T79" fmla="*/ 521 h 603"/>
                <a:gd name="T80" fmla="*/ 577 w 643"/>
                <a:gd name="T81" fmla="*/ 512 h 603"/>
                <a:gd name="T82" fmla="*/ 565 w 643"/>
                <a:gd name="T83" fmla="*/ 499 h 603"/>
                <a:gd name="T84" fmla="*/ 559 w 643"/>
                <a:gd name="T85" fmla="*/ 507 h 603"/>
                <a:gd name="T86" fmla="*/ 601 w 643"/>
                <a:gd name="T87" fmla="*/ 469 h 603"/>
                <a:gd name="T88" fmla="*/ 605 w 643"/>
                <a:gd name="T89" fmla="*/ 457 h 603"/>
                <a:gd name="T90" fmla="*/ 586 w 643"/>
                <a:gd name="T91" fmla="*/ 459 h 603"/>
                <a:gd name="T92" fmla="*/ 610 w 643"/>
                <a:gd name="T93" fmla="*/ 419 h 603"/>
                <a:gd name="T94" fmla="*/ 610 w 643"/>
                <a:gd name="T95" fmla="*/ 408 h 603"/>
                <a:gd name="T96" fmla="*/ 592 w 643"/>
                <a:gd name="T97" fmla="*/ 406 h 603"/>
                <a:gd name="T98" fmla="*/ 593 w 643"/>
                <a:gd name="T99" fmla="*/ 417 h 603"/>
                <a:gd name="T100" fmla="*/ 599 w 643"/>
                <a:gd name="T101" fmla="*/ 358 h 603"/>
                <a:gd name="T102" fmla="*/ 594 w 643"/>
                <a:gd name="T103" fmla="*/ 347 h 603"/>
                <a:gd name="T104" fmla="*/ 581 w 643"/>
                <a:gd name="T105" fmla="*/ 363 h 603"/>
                <a:gd name="T106" fmla="*/ 573 w 643"/>
                <a:gd name="T107" fmla="*/ 316 h 603"/>
                <a:gd name="T108" fmla="*/ 565 w 643"/>
                <a:gd name="T109" fmla="*/ 308 h 603"/>
                <a:gd name="T110" fmla="*/ 550 w 643"/>
                <a:gd name="T111" fmla="*/ 318 h 603"/>
                <a:gd name="T112" fmla="*/ 557 w 643"/>
                <a:gd name="T113" fmla="*/ 326 h 603"/>
                <a:gd name="T114" fmla="*/ 524 w 643"/>
                <a:gd name="T115" fmla="*/ 279 h 603"/>
                <a:gd name="T116" fmla="*/ 513 w 643"/>
                <a:gd name="T117" fmla="*/ 274 h 603"/>
                <a:gd name="T118" fmla="*/ 513 w 643"/>
                <a:gd name="T119" fmla="*/ 293 h 603"/>
                <a:gd name="T120" fmla="*/ 457 w 643"/>
                <a:gd name="T121" fmla="*/ 231 h 603"/>
                <a:gd name="T122" fmla="*/ 358 w 643"/>
                <a:gd name="T123" fmla="*/ 9 h 603"/>
                <a:gd name="T124" fmla="*/ 30 w 643"/>
                <a:gd name="T125" fmla="*/ 153 h 6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643" h="603">
                  <a:moveTo>
                    <a:pt x="51" y="448"/>
                  </a:moveTo>
                  <a:cubicBezTo>
                    <a:pt x="83" y="445"/>
                    <a:pt x="115" y="443"/>
                    <a:pt x="147" y="442"/>
                  </a:cubicBezTo>
                  <a:cubicBezTo>
                    <a:pt x="127" y="440"/>
                    <a:pt x="108" y="439"/>
                    <a:pt x="88" y="436"/>
                  </a:cubicBezTo>
                  <a:cubicBezTo>
                    <a:pt x="72" y="435"/>
                    <a:pt x="59" y="423"/>
                    <a:pt x="59" y="407"/>
                  </a:cubicBezTo>
                  <a:cubicBezTo>
                    <a:pt x="59" y="383"/>
                    <a:pt x="59" y="359"/>
                    <a:pt x="59" y="335"/>
                  </a:cubicBezTo>
                  <a:cubicBezTo>
                    <a:pt x="59" y="318"/>
                    <a:pt x="72" y="306"/>
                    <a:pt x="88" y="305"/>
                  </a:cubicBezTo>
                  <a:cubicBezTo>
                    <a:pt x="148" y="299"/>
                    <a:pt x="207" y="297"/>
                    <a:pt x="267" y="298"/>
                  </a:cubicBezTo>
                  <a:cubicBezTo>
                    <a:pt x="245" y="333"/>
                    <a:pt x="233" y="373"/>
                    <a:pt x="233" y="417"/>
                  </a:cubicBezTo>
                  <a:cubicBezTo>
                    <a:pt x="233" y="479"/>
                    <a:pt x="258" y="535"/>
                    <a:pt x="299" y="575"/>
                  </a:cubicBezTo>
                  <a:cubicBezTo>
                    <a:pt x="301" y="578"/>
                    <a:pt x="304" y="581"/>
                    <a:pt x="306" y="583"/>
                  </a:cubicBezTo>
                  <a:cubicBezTo>
                    <a:pt x="221" y="590"/>
                    <a:pt x="136" y="588"/>
                    <a:pt x="51" y="579"/>
                  </a:cubicBezTo>
                  <a:cubicBezTo>
                    <a:pt x="35" y="578"/>
                    <a:pt x="21" y="566"/>
                    <a:pt x="21" y="549"/>
                  </a:cubicBezTo>
                  <a:cubicBezTo>
                    <a:pt x="21" y="526"/>
                    <a:pt x="21" y="501"/>
                    <a:pt x="21" y="477"/>
                  </a:cubicBezTo>
                  <a:cubicBezTo>
                    <a:pt x="21" y="461"/>
                    <a:pt x="35" y="449"/>
                    <a:pt x="51" y="448"/>
                  </a:cubicBezTo>
                  <a:close/>
                  <a:moveTo>
                    <a:pt x="442" y="265"/>
                  </a:moveTo>
                  <a:lnTo>
                    <a:pt x="442" y="265"/>
                  </a:lnTo>
                  <a:cubicBezTo>
                    <a:pt x="454" y="263"/>
                    <a:pt x="467" y="262"/>
                    <a:pt x="479" y="265"/>
                  </a:cubicBezTo>
                  <a:cubicBezTo>
                    <a:pt x="478" y="271"/>
                    <a:pt x="478" y="278"/>
                    <a:pt x="477" y="284"/>
                  </a:cubicBezTo>
                  <a:cubicBezTo>
                    <a:pt x="466" y="283"/>
                    <a:pt x="455" y="283"/>
                    <a:pt x="444" y="284"/>
                  </a:cubicBezTo>
                  <a:cubicBezTo>
                    <a:pt x="443" y="278"/>
                    <a:pt x="443" y="271"/>
                    <a:pt x="442" y="265"/>
                  </a:cubicBezTo>
                  <a:close/>
                  <a:moveTo>
                    <a:pt x="510" y="384"/>
                  </a:moveTo>
                  <a:lnTo>
                    <a:pt x="510" y="384"/>
                  </a:lnTo>
                  <a:lnTo>
                    <a:pt x="467" y="384"/>
                  </a:lnTo>
                  <a:lnTo>
                    <a:pt x="467" y="377"/>
                  </a:lnTo>
                  <a:cubicBezTo>
                    <a:pt x="467" y="369"/>
                    <a:pt x="466" y="364"/>
                    <a:pt x="465" y="362"/>
                  </a:cubicBezTo>
                  <a:cubicBezTo>
                    <a:pt x="464" y="360"/>
                    <a:pt x="462" y="359"/>
                    <a:pt x="459" y="359"/>
                  </a:cubicBezTo>
                  <a:cubicBezTo>
                    <a:pt x="456" y="359"/>
                    <a:pt x="454" y="359"/>
                    <a:pt x="453" y="362"/>
                  </a:cubicBezTo>
                  <a:cubicBezTo>
                    <a:pt x="452" y="364"/>
                    <a:pt x="451" y="367"/>
                    <a:pt x="451" y="371"/>
                  </a:cubicBezTo>
                  <a:cubicBezTo>
                    <a:pt x="451" y="377"/>
                    <a:pt x="452" y="382"/>
                    <a:pt x="455" y="385"/>
                  </a:cubicBezTo>
                  <a:cubicBezTo>
                    <a:pt x="458" y="388"/>
                    <a:pt x="466" y="393"/>
                    <a:pt x="478" y="401"/>
                  </a:cubicBezTo>
                  <a:cubicBezTo>
                    <a:pt x="489" y="407"/>
                    <a:pt x="497" y="413"/>
                    <a:pt x="501" y="416"/>
                  </a:cubicBezTo>
                  <a:cubicBezTo>
                    <a:pt x="505" y="420"/>
                    <a:pt x="508" y="425"/>
                    <a:pt x="511" y="431"/>
                  </a:cubicBezTo>
                  <a:cubicBezTo>
                    <a:pt x="514" y="437"/>
                    <a:pt x="515" y="445"/>
                    <a:pt x="515" y="455"/>
                  </a:cubicBezTo>
                  <a:cubicBezTo>
                    <a:pt x="515" y="471"/>
                    <a:pt x="512" y="483"/>
                    <a:pt x="504" y="491"/>
                  </a:cubicBezTo>
                  <a:cubicBezTo>
                    <a:pt x="497" y="500"/>
                    <a:pt x="485" y="506"/>
                    <a:pt x="471" y="508"/>
                  </a:cubicBezTo>
                  <a:lnTo>
                    <a:pt x="471" y="524"/>
                  </a:lnTo>
                  <a:lnTo>
                    <a:pt x="451" y="524"/>
                  </a:lnTo>
                  <a:lnTo>
                    <a:pt x="451" y="507"/>
                  </a:lnTo>
                  <a:cubicBezTo>
                    <a:pt x="439" y="506"/>
                    <a:pt x="429" y="502"/>
                    <a:pt x="420" y="494"/>
                  </a:cubicBezTo>
                  <a:cubicBezTo>
                    <a:pt x="412" y="486"/>
                    <a:pt x="407" y="473"/>
                    <a:pt x="407" y="453"/>
                  </a:cubicBezTo>
                  <a:lnTo>
                    <a:pt x="407" y="445"/>
                  </a:lnTo>
                  <a:lnTo>
                    <a:pt x="451" y="445"/>
                  </a:lnTo>
                  <a:lnTo>
                    <a:pt x="451" y="456"/>
                  </a:lnTo>
                  <a:cubicBezTo>
                    <a:pt x="451" y="467"/>
                    <a:pt x="451" y="474"/>
                    <a:pt x="452" y="477"/>
                  </a:cubicBezTo>
                  <a:cubicBezTo>
                    <a:pt x="453" y="480"/>
                    <a:pt x="455" y="481"/>
                    <a:pt x="458" y="481"/>
                  </a:cubicBezTo>
                  <a:cubicBezTo>
                    <a:pt x="461" y="481"/>
                    <a:pt x="464" y="480"/>
                    <a:pt x="465" y="478"/>
                  </a:cubicBezTo>
                  <a:cubicBezTo>
                    <a:pt x="466" y="476"/>
                    <a:pt x="467" y="473"/>
                    <a:pt x="467" y="470"/>
                  </a:cubicBezTo>
                  <a:cubicBezTo>
                    <a:pt x="467" y="460"/>
                    <a:pt x="466" y="453"/>
                    <a:pt x="465" y="449"/>
                  </a:cubicBezTo>
                  <a:cubicBezTo>
                    <a:pt x="464" y="445"/>
                    <a:pt x="459" y="440"/>
                    <a:pt x="451" y="435"/>
                  </a:cubicBezTo>
                  <a:cubicBezTo>
                    <a:pt x="438" y="427"/>
                    <a:pt x="429" y="421"/>
                    <a:pt x="424" y="417"/>
                  </a:cubicBezTo>
                  <a:cubicBezTo>
                    <a:pt x="420" y="413"/>
                    <a:pt x="415" y="408"/>
                    <a:pt x="412" y="401"/>
                  </a:cubicBezTo>
                  <a:cubicBezTo>
                    <a:pt x="408" y="393"/>
                    <a:pt x="407" y="385"/>
                    <a:pt x="407" y="377"/>
                  </a:cubicBezTo>
                  <a:cubicBezTo>
                    <a:pt x="407" y="364"/>
                    <a:pt x="410" y="354"/>
                    <a:pt x="418" y="346"/>
                  </a:cubicBezTo>
                  <a:cubicBezTo>
                    <a:pt x="425" y="339"/>
                    <a:pt x="436" y="334"/>
                    <a:pt x="451" y="333"/>
                  </a:cubicBezTo>
                  <a:lnTo>
                    <a:pt x="451" y="319"/>
                  </a:lnTo>
                  <a:lnTo>
                    <a:pt x="471" y="319"/>
                  </a:lnTo>
                  <a:lnTo>
                    <a:pt x="471" y="333"/>
                  </a:lnTo>
                  <a:cubicBezTo>
                    <a:pt x="484" y="334"/>
                    <a:pt x="494" y="339"/>
                    <a:pt x="501" y="346"/>
                  </a:cubicBezTo>
                  <a:cubicBezTo>
                    <a:pt x="507" y="353"/>
                    <a:pt x="511" y="363"/>
                    <a:pt x="511" y="376"/>
                  </a:cubicBezTo>
                  <a:cubicBezTo>
                    <a:pt x="511" y="378"/>
                    <a:pt x="510" y="381"/>
                    <a:pt x="510" y="384"/>
                  </a:cubicBezTo>
                  <a:close/>
                  <a:moveTo>
                    <a:pt x="411" y="271"/>
                  </a:moveTo>
                  <a:lnTo>
                    <a:pt x="411" y="271"/>
                  </a:lnTo>
                  <a:lnTo>
                    <a:pt x="410" y="271"/>
                  </a:lnTo>
                  <a:lnTo>
                    <a:pt x="409" y="271"/>
                  </a:lnTo>
                  <a:lnTo>
                    <a:pt x="408" y="272"/>
                  </a:lnTo>
                  <a:lnTo>
                    <a:pt x="407" y="272"/>
                  </a:lnTo>
                  <a:lnTo>
                    <a:pt x="406" y="272"/>
                  </a:lnTo>
                  <a:lnTo>
                    <a:pt x="405" y="273"/>
                  </a:lnTo>
                  <a:lnTo>
                    <a:pt x="405" y="273"/>
                  </a:lnTo>
                  <a:lnTo>
                    <a:pt x="404" y="273"/>
                  </a:lnTo>
                  <a:lnTo>
                    <a:pt x="403" y="274"/>
                  </a:lnTo>
                  <a:lnTo>
                    <a:pt x="402" y="274"/>
                  </a:lnTo>
                  <a:lnTo>
                    <a:pt x="401" y="274"/>
                  </a:lnTo>
                  <a:lnTo>
                    <a:pt x="400" y="275"/>
                  </a:lnTo>
                  <a:lnTo>
                    <a:pt x="399" y="275"/>
                  </a:lnTo>
                  <a:lnTo>
                    <a:pt x="398" y="275"/>
                  </a:lnTo>
                  <a:lnTo>
                    <a:pt x="398" y="276"/>
                  </a:lnTo>
                  <a:lnTo>
                    <a:pt x="397" y="276"/>
                  </a:lnTo>
                  <a:lnTo>
                    <a:pt x="396" y="277"/>
                  </a:lnTo>
                  <a:lnTo>
                    <a:pt x="395" y="277"/>
                  </a:lnTo>
                  <a:lnTo>
                    <a:pt x="394" y="277"/>
                  </a:lnTo>
                  <a:lnTo>
                    <a:pt x="393" y="278"/>
                  </a:lnTo>
                  <a:lnTo>
                    <a:pt x="393" y="278"/>
                  </a:lnTo>
                  <a:lnTo>
                    <a:pt x="401" y="294"/>
                  </a:lnTo>
                  <a:lnTo>
                    <a:pt x="401" y="294"/>
                  </a:lnTo>
                  <a:lnTo>
                    <a:pt x="401" y="293"/>
                  </a:lnTo>
                  <a:lnTo>
                    <a:pt x="402" y="293"/>
                  </a:lnTo>
                  <a:lnTo>
                    <a:pt x="403" y="293"/>
                  </a:lnTo>
                  <a:lnTo>
                    <a:pt x="404" y="292"/>
                  </a:lnTo>
                  <a:lnTo>
                    <a:pt x="404" y="292"/>
                  </a:lnTo>
                  <a:lnTo>
                    <a:pt x="405" y="292"/>
                  </a:lnTo>
                  <a:lnTo>
                    <a:pt x="406" y="291"/>
                  </a:lnTo>
                  <a:lnTo>
                    <a:pt x="407" y="291"/>
                  </a:lnTo>
                  <a:lnTo>
                    <a:pt x="407" y="291"/>
                  </a:lnTo>
                  <a:lnTo>
                    <a:pt x="408" y="290"/>
                  </a:lnTo>
                  <a:lnTo>
                    <a:pt x="409" y="290"/>
                  </a:lnTo>
                  <a:lnTo>
                    <a:pt x="410" y="290"/>
                  </a:lnTo>
                  <a:lnTo>
                    <a:pt x="411" y="290"/>
                  </a:lnTo>
                  <a:lnTo>
                    <a:pt x="411" y="289"/>
                  </a:lnTo>
                  <a:lnTo>
                    <a:pt x="412" y="289"/>
                  </a:lnTo>
                  <a:lnTo>
                    <a:pt x="413" y="289"/>
                  </a:lnTo>
                  <a:lnTo>
                    <a:pt x="414" y="288"/>
                  </a:lnTo>
                  <a:lnTo>
                    <a:pt x="414" y="288"/>
                  </a:lnTo>
                  <a:lnTo>
                    <a:pt x="415" y="288"/>
                  </a:lnTo>
                  <a:lnTo>
                    <a:pt x="416" y="288"/>
                  </a:lnTo>
                  <a:lnTo>
                    <a:pt x="411" y="271"/>
                  </a:lnTo>
                  <a:close/>
                  <a:moveTo>
                    <a:pt x="361" y="297"/>
                  </a:moveTo>
                  <a:lnTo>
                    <a:pt x="361" y="297"/>
                  </a:lnTo>
                  <a:lnTo>
                    <a:pt x="361" y="297"/>
                  </a:lnTo>
                  <a:lnTo>
                    <a:pt x="360" y="298"/>
                  </a:lnTo>
                  <a:lnTo>
                    <a:pt x="360" y="299"/>
                  </a:lnTo>
                  <a:lnTo>
                    <a:pt x="359" y="299"/>
                  </a:lnTo>
                  <a:lnTo>
                    <a:pt x="358" y="300"/>
                  </a:lnTo>
                  <a:lnTo>
                    <a:pt x="358" y="300"/>
                  </a:lnTo>
                  <a:lnTo>
                    <a:pt x="357" y="301"/>
                  </a:lnTo>
                  <a:lnTo>
                    <a:pt x="356" y="302"/>
                  </a:lnTo>
                  <a:lnTo>
                    <a:pt x="356" y="302"/>
                  </a:lnTo>
                  <a:lnTo>
                    <a:pt x="355" y="303"/>
                  </a:lnTo>
                  <a:lnTo>
                    <a:pt x="354" y="304"/>
                  </a:lnTo>
                  <a:lnTo>
                    <a:pt x="354" y="304"/>
                  </a:lnTo>
                  <a:lnTo>
                    <a:pt x="353" y="305"/>
                  </a:lnTo>
                  <a:lnTo>
                    <a:pt x="352" y="305"/>
                  </a:lnTo>
                  <a:lnTo>
                    <a:pt x="352" y="306"/>
                  </a:lnTo>
                  <a:lnTo>
                    <a:pt x="351" y="307"/>
                  </a:lnTo>
                  <a:lnTo>
                    <a:pt x="350" y="307"/>
                  </a:lnTo>
                  <a:lnTo>
                    <a:pt x="350" y="308"/>
                  </a:lnTo>
                  <a:lnTo>
                    <a:pt x="349" y="309"/>
                  </a:lnTo>
                  <a:lnTo>
                    <a:pt x="348" y="309"/>
                  </a:lnTo>
                  <a:lnTo>
                    <a:pt x="348" y="310"/>
                  </a:lnTo>
                  <a:lnTo>
                    <a:pt x="360" y="322"/>
                  </a:lnTo>
                  <a:lnTo>
                    <a:pt x="361" y="322"/>
                  </a:lnTo>
                  <a:lnTo>
                    <a:pt x="361" y="321"/>
                  </a:lnTo>
                  <a:lnTo>
                    <a:pt x="362" y="320"/>
                  </a:lnTo>
                  <a:lnTo>
                    <a:pt x="363" y="320"/>
                  </a:lnTo>
                  <a:lnTo>
                    <a:pt x="363" y="319"/>
                  </a:lnTo>
                  <a:lnTo>
                    <a:pt x="364" y="319"/>
                  </a:lnTo>
                  <a:lnTo>
                    <a:pt x="364" y="318"/>
                  </a:lnTo>
                  <a:lnTo>
                    <a:pt x="365" y="318"/>
                  </a:lnTo>
                  <a:lnTo>
                    <a:pt x="365" y="317"/>
                  </a:lnTo>
                  <a:lnTo>
                    <a:pt x="366" y="317"/>
                  </a:lnTo>
                  <a:lnTo>
                    <a:pt x="367" y="316"/>
                  </a:lnTo>
                  <a:lnTo>
                    <a:pt x="367" y="315"/>
                  </a:lnTo>
                  <a:lnTo>
                    <a:pt x="368" y="315"/>
                  </a:lnTo>
                  <a:lnTo>
                    <a:pt x="368" y="314"/>
                  </a:lnTo>
                  <a:lnTo>
                    <a:pt x="369" y="314"/>
                  </a:lnTo>
                  <a:lnTo>
                    <a:pt x="370" y="313"/>
                  </a:lnTo>
                  <a:lnTo>
                    <a:pt x="370" y="313"/>
                  </a:lnTo>
                  <a:lnTo>
                    <a:pt x="371" y="312"/>
                  </a:lnTo>
                  <a:lnTo>
                    <a:pt x="372" y="312"/>
                  </a:lnTo>
                  <a:lnTo>
                    <a:pt x="372" y="311"/>
                  </a:lnTo>
                  <a:lnTo>
                    <a:pt x="373" y="311"/>
                  </a:lnTo>
                  <a:lnTo>
                    <a:pt x="361" y="297"/>
                  </a:lnTo>
                  <a:close/>
                  <a:moveTo>
                    <a:pt x="325" y="339"/>
                  </a:moveTo>
                  <a:lnTo>
                    <a:pt x="325" y="339"/>
                  </a:lnTo>
                  <a:lnTo>
                    <a:pt x="325" y="340"/>
                  </a:lnTo>
                  <a:lnTo>
                    <a:pt x="324" y="341"/>
                  </a:lnTo>
                  <a:lnTo>
                    <a:pt x="324" y="341"/>
                  </a:lnTo>
                  <a:lnTo>
                    <a:pt x="323" y="342"/>
                  </a:lnTo>
                  <a:lnTo>
                    <a:pt x="323" y="343"/>
                  </a:lnTo>
                  <a:lnTo>
                    <a:pt x="323" y="344"/>
                  </a:lnTo>
                  <a:lnTo>
                    <a:pt x="322" y="345"/>
                  </a:lnTo>
                  <a:lnTo>
                    <a:pt x="322" y="345"/>
                  </a:lnTo>
                  <a:lnTo>
                    <a:pt x="321" y="346"/>
                  </a:lnTo>
                  <a:lnTo>
                    <a:pt x="321" y="347"/>
                  </a:lnTo>
                  <a:lnTo>
                    <a:pt x="320" y="348"/>
                  </a:lnTo>
                  <a:lnTo>
                    <a:pt x="320" y="349"/>
                  </a:lnTo>
                  <a:lnTo>
                    <a:pt x="320" y="350"/>
                  </a:lnTo>
                  <a:lnTo>
                    <a:pt x="319" y="350"/>
                  </a:lnTo>
                  <a:lnTo>
                    <a:pt x="319" y="351"/>
                  </a:lnTo>
                  <a:lnTo>
                    <a:pt x="318" y="352"/>
                  </a:lnTo>
                  <a:lnTo>
                    <a:pt x="318" y="353"/>
                  </a:lnTo>
                  <a:lnTo>
                    <a:pt x="318" y="354"/>
                  </a:lnTo>
                  <a:lnTo>
                    <a:pt x="317" y="355"/>
                  </a:lnTo>
                  <a:lnTo>
                    <a:pt x="317" y="356"/>
                  </a:lnTo>
                  <a:lnTo>
                    <a:pt x="317" y="356"/>
                  </a:lnTo>
                  <a:lnTo>
                    <a:pt x="333" y="363"/>
                  </a:lnTo>
                  <a:lnTo>
                    <a:pt x="333" y="363"/>
                  </a:lnTo>
                  <a:lnTo>
                    <a:pt x="333" y="362"/>
                  </a:lnTo>
                  <a:lnTo>
                    <a:pt x="334" y="361"/>
                  </a:lnTo>
                  <a:lnTo>
                    <a:pt x="334" y="360"/>
                  </a:lnTo>
                  <a:lnTo>
                    <a:pt x="334" y="360"/>
                  </a:lnTo>
                  <a:lnTo>
                    <a:pt x="335" y="359"/>
                  </a:lnTo>
                  <a:lnTo>
                    <a:pt x="335" y="358"/>
                  </a:lnTo>
                  <a:lnTo>
                    <a:pt x="335" y="357"/>
                  </a:lnTo>
                  <a:lnTo>
                    <a:pt x="336" y="357"/>
                  </a:lnTo>
                  <a:lnTo>
                    <a:pt x="336" y="356"/>
                  </a:lnTo>
                  <a:lnTo>
                    <a:pt x="336" y="355"/>
                  </a:lnTo>
                  <a:lnTo>
                    <a:pt x="337" y="354"/>
                  </a:lnTo>
                  <a:lnTo>
                    <a:pt x="337" y="354"/>
                  </a:lnTo>
                  <a:lnTo>
                    <a:pt x="338" y="353"/>
                  </a:lnTo>
                  <a:lnTo>
                    <a:pt x="338" y="352"/>
                  </a:lnTo>
                  <a:lnTo>
                    <a:pt x="338" y="351"/>
                  </a:lnTo>
                  <a:lnTo>
                    <a:pt x="339" y="351"/>
                  </a:lnTo>
                  <a:lnTo>
                    <a:pt x="339" y="350"/>
                  </a:lnTo>
                  <a:lnTo>
                    <a:pt x="340" y="349"/>
                  </a:lnTo>
                  <a:lnTo>
                    <a:pt x="340" y="349"/>
                  </a:lnTo>
                  <a:lnTo>
                    <a:pt x="340" y="348"/>
                  </a:lnTo>
                  <a:lnTo>
                    <a:pt x="325" y="339"/>
                  </a:lnTo>
                  <a:close/>
                  <a:moveTo>
                    <a:pt x="306" y="392"/>
                  </a:moveTo>
                  <a:lnTo>
                    <a:pt x="306" y="392"/>
                  </a:lnTo>
                  <a:lnTo>
                    <a:pt x="306" y="393"/>
                  </a:lnTo>
                  <a:lnTo>
                    <a:pt x="306" y="394"/>
                  </a:lnTo>
                  <a:lnTo>
                    <a:pt x="306" y="394"/>
                  </a:lnTo>
                  <a:lnTo>
                    <a:pt x="306" y="395"/>
                  </a:lnTo>
                  <a:lnTo>
                    <a:pt x="305" y="396"/>
                  </a:lnTo>
                  <a:lnTo>
                    <a:pt x="305" y="397"/>
                  </a:lnTo>
                  <a:lnTo>
                    <a:pt x="305" y="398"/>
                  </a:lnTo>
                  <a:lnTo>
                    <a:pt x="305" y="399"/>
                  </a:lnTo>
                  <a:lnTo>
                    <a:pt x="305" y="400"/>
                  </a:lnTo>
                  <a:lnTo>
                    <a:pt x="305" y="401"/>
                  </a:lnTo>
                  <a:lnTo>
                    <a:pt x="305" y="402"/>
                  </a:lnTo>
                  <a:lnTo>
                    <a:pt x="305" y="403"/>
                  </a:lnTo>
                  <a:lnTo>
                    <a:pt x="305" y="404"/>
                  </a:lnTo>
                  <a:lnTo>
                    <a:pt x="304" y="405"/>
                  </a:lnTo>
                  <a:lnTo>
                    <a:pt x="304" y="406"/>
                  </a:lnTo>
                  <a:lnTo>
                    <a:pt x="304" y="407"/>
                  </a:lnTo>
                  <a:lnTo>
                    <a:pt x="304" y="408"/>
                  </a:lnTo>
                  <a:lnTo>
                    <a:pt x="304" y="409"/>
                  </a:lnTo>
                  <a:lnTo>
                    <a:pt x="304" y="410"/>
                  </a:lnTo>
                  <a:lnTo>
                    <a:pt x="304" y="410"/>
                  </a:lnTo>
                  <a:lnTo>
                    <a:pt x="322" y="411"/>
                  </a:lnTo>
                  <a:lnTo>
                    <a:pt x="322" y="411"/>
                  </a:lnTo>
                  <a:lnTo>
                    <a:pt x="322" y="410"/>
                  </a:lnTo>
                  <a:lnTo>
                    <a:pt x="322" y="409"/>
                  </a:lnTo>
                  <a:lnTo>
                    <a:pt x="322" y="408"/>
                  </a:lnTo>
                  <a:lnTo>
                    <a:pt x="322" y="407"/>
                  </a:lnTo>
                  <a:lnTo>
                    <a:pt x="322" y="406"/>
                  </a:lnTo>
                  <a:lnTo>
                    <a:pt x="322" y="406"/>
                  </a:lnTo>
                  <a:lnTo>
                    <a:pt x="322" y="405"/>
                  </a:lnTo>
                  <a:lnTo>
                    <a:pt x="322" y="404"/>
                  </a:lnTo>
                  <a:lnTo>
                    <a:pt x="322" y="403"/>
                  </a:lnTo>
                  <a:lnTo>
                    <a:pt x="322" y="402"/>
                  </a:lnTo>
                  <a:lnTo>
                    <a:pt x="323" y="401"/>
                  </a:lnTo>
                  <a:lnTo>
                    <a:pt x="323" y="400"/>
                  </a:lnTo>
                  <a:lnTo>
                    <a:pt x="323" y="400"/>
                  </a:lnTo>
                  <a:lnTo>
                    <a:pt x="323" y="399"/>
                  </a:lnTo>
                  <a:lnTo>
                    <a:pt x="323" y="398"/>
                  </a:lnTo>
                  <a:lnTo>
                    <a:pt x="323" y="397"/>
                  </a:lnTo>
                  <a:lnTo>
                    <a:pt x="323" y="396"/>
                  </a:lnTo>
                  <a:lnTo>
                    <a:pt x="323" y="395"/>
                  </a:lnTo>
                  <a:lnTo>
                    <a:pt x="323" y="395"/>
                  </a:lnTo>
                  <a:lnTo>
                    <a:pt x="306" y="392"/>
                  </a:lnTo>
                  <a:close/>
                  <a:moveTo>
                    <a:pt x="307" y="447"/>
                  </a:moveTo>
                  <a:lnTo>
                    <a:pt x="307" y="447"/>
                  </a:lnTo>
                  <a:lnTo>
                    <a:pt x="307" y="448"/>
                  </a:lnTo>
                  <a:lnTo>
                    <a:pt x="307" y="449"/>
                  </a:lnTo>
                  <a:lnTo>
                    <a:pt x="308" y="450"/>
                  </a:lnTo>
                  <a:lnTo>
                    <a:pt x="308" y="450"/>
                  </a:lnTo>
                  <a:lnTo>
                    <a:pt x="308" y="451"/>
                  </a:lnTo>
                  <a:lnTo>
                    <a:pt x="308" y="452"/>
                  </a:lnTo>
                  <a:lnTo>
                    <a:pt x="308" y="453"/>
                  </a:lnTo>
                  <a:lnTo>
                    <a:pt x="309" y="454"/>
                  </a:lnTo>
                  <a:lnTo>
                    <a:pt x="309" y="455"/>
                  </a:lnTo>
                  <a:lnTo>
                    <a:pt x="309" y="456"/>
                  </a:lnTo>
                  <a:lnTo>
                    <a:pt x="309" y="457"/>
                  </a:lnTo>
                  <a:lnTo>
                    <a:pt x="310" y="458"/>
                  </a:lnTo>
                  <a:lnTo>
                    <a:pt x="310" y="459"/>
                  </a:lnTo>
                  <a:lnTo>
                    <a:pt x="310" y="460"/>
                  </a:lnTo>
                  <a:lnTo>
                    <a:pt x="310" y="461"/>
                  </a:lnTo>
                  <a:lnTo>
                    <a:pt x="311" y="461"/>
                  </a:lnTo>
                  <a:lnTo>
                    <a:pt x="311" y="462"/>
                  </a:lnTo>
                  <a:lnTo>
                    <a:pt x="311" y="463"/>
                  </a:lnTo>
                  <a:lnTo>
                    <a:pt x="312" y="464"/>
                  </a:lnTo>
                  <a:lnTo>
                    <a:pt x="312" y="465"/>
                  </a:lnTo>
                  <a:lnTo>
                    <a:pt x="312" y="465"/>
                  </a:lnTo>
                  <a:lnTo>
                    <a:pt x="329" y="460"/>
                  </a:lnTo>
                  <a:lnTo>
                    <a:pt x="328" y="459"/>
                  </a:lnTo>
                  <a:lnTo>
                    <a:pt x="328" y="459"/>
                  </a:lnTo>
                  <a:lnTo>
                    <a:pt x="328" y="458"/>
                  </a:lnTo>
                  <a:lnTo>
                    <a:pt x="328" y="457"/>
                  </a:lnTo>
                  <a:lnTo>
                    <a:pt x="328" y="456"/>
                  </a:lnTo>
                  <a:lnTo>
                    <a:pt x="327" y="456"/>
                  </a:lnTo>
                  <a:lnTo>
                    <a:pt x="327" y="455"/>
                  </a:lnTo>
                  <a:lnTo>
                    <a:pt x="327" y="454"/>
                  </a:lnTo>
                  <a:lnTo>
                    <a:pt x="327" y="453"/>
                  </a:lnTo>
                  <a:lnTo>
                    <a:pt x="326" y="452"/>
                  </a:lnTo>
                  <a:lnTo>
                    <a:pt x="326" y="452"/>
                  </a:lnTo>
                  <a:lnTo>
                    <a:pt x="326" y="451"/>
                  </a:lnTo>
                  <a:lnTo>
                    <a:pt x="326" y="450"/>
                  </a:lnTo>
                  <a:lnTo>
                    <a:pt x="325" y="449"/>
                  </a:lnTo>
                  <a:lnTo>
                    <a:pt x="325" y="448"/>
                  </a:lnTo>
                  <a:lnTo>
                    <a:pt x="325" y="447"/>
                  </a:lnTo>
                  <a:lnTo>
                    <a:pt x="325" y="447"/>
                  </a:lnTo>
                  <a:lnTo>
                    <a:pt x="325" y="446"/>
                  </a:lnTo>
                  <a:lnTo>
                    <a:pt x="325" y="445"/>
                  </a:lnTo>
                  <a:lnTo>
                    <a:pt x="324" y="444"/>
                  </a:lnTo>
                  <a:lnTo>
                    <a:pt x="324" y="444"/>
                  </a:lnTo>
                  <a:lnTo>
                    <a:pt x="307" y="447"/>
                  </a:lnTo>
                  <a:close/>
                  <a:moveTo>
                    <a:pt x="328" y="499"/>
                  </a:moveTo>
                  <a:lnTo>
                    <a:pt x="328" y="499"/>
                  </a:lnTo>
                  <a:lnTo>
                    <a:pt x="328" y="499"/>
                  </a:lnTo>
                  <a:lnTo>
                    <a:pt x="329" y="500"/>
                  </a:lnTo>
                  <a:lnTo>
                    <a:pt x="329" y="501"/>
                  </a:lnTo>
                  <a:lnTo>
                    <a:pt x="330" y="502"/>
                  </a:lnTo>
                  <a:lnTo>
                    <a:pt x="330" y="502"/>
                  </a:lnTo>
                  <a:lnTo>
                    <a:pt x="331" y="503"/>
                  </a:lnTo>
                  <a:lnTo>
                    <a:pt x="331" y="504"/>
                  </a:lnTo>
                  <a:lnTo>
                    <a:pt x="332" y="505"/>
                  </a:lnTo>
                  <a:lnTo>
                    <a:pt x="332" y="505"/>
                  </a:lnTo>
                  <a:lnTo>
                    <a:pt x="333" y="506"/>
                  </a:lnTo>
                  <a:lnTo>
                    <a:pt x="333" y="507"/>
                  </a:lnTo>
                  <a:lnTo>
                    <a:pt x="334" y="508"/>
                  </a:lnTo>
                  <a:lnTo>
                    <a:pt x="334" y="508"/>
                  </a:lnTo>
                  <a:lnTo>
                    <a:pt x="335" y="509"/>
                  </a:lnTo>
                  <a:lnTo>
                    <a:pt x="336" y="510"/>
                  </a:lnTo>
                  <a:lnTo>
                    <a:pt x="336" y="511"/>
                  </a:lnTo>
                  <a:lnTo>
                    <a:pt x="337" y="511"/>
                  </a:lnTo>
                  <a:lnTo>
                    <a:pt x="337" y="512"/>
                  </a:lnTo>
                  <a:lnTo>
                    <a:pt x="338" y="513"/>
                  </a:lnTo>
                  <a:lnTo>
                    <a:pt x="338" y="514"/>
                  </a:lnTo>
                  <a:lnTo>
                    <a:pt x="339" y="514"/>
                  </a:lnTo>
                  <a:lnTo>
                    <a:pt x="353" y="503"/>
                  </a:lnTo>
                  <a:lnTo>
                    <a:pt x="352" y="502"/>
                  </a:lnTo>
                  <a:lnTo>
                    <a:pt x="352" y="502"/>
                  </a:lnTo>
                  <a:lnTo>
                    <a:pt x="351" y="501"/>
                  </a:lnTo>
                  <a:lnTo>
                    <a:pt x="351" y="500"/>
                  </a:lnTo>
                  <a:lnTo>
                    <a:pt x="350" y="500"/>
                  </a:lnTo>
                  <a:lnTo>
                    <a:pt x="350" y="499"/>
                  </a:lnTo>
                  <a:lnTo>
                    <a:pt x="349" y="499"/>
                  </a:lnTo>
                  <a:lnTo>
                    <a:pt x="349" y="498"/>
                  </a:lnTo>
                  <a:lnTo>
                    <a:pt x="348" y="497"/>
                  </a:lnTo>
                  <a:lnTo>
                    <a:pt x="348" y="497"/>
                  </a:lnTo>
                  <a:lnTo>
                    <a:pt x="347" y="496"/>
                  </a:lnTo>
                  <a:lnTo>
                    <a:pt x="347" y="495"/>
                  </a:lnTo>
                  <a:lnTo>
                    <a:pt x="346" y="495"/>
                  </a:lnTo>
                  <a:lnTo>
                    <a:pt x="346" y="494"/>
                  </a:lnTo>
                  <a:lnTo>
                    <a:pt x="345" y="493"/>
                  </a:lnTo>
                  <a:lnTo>
                    <a:pt x="345" y="493"/>
                  </a:lnTo>
                  <a:lnTo>
                    <a:pt x="344" y="492"/>
                  </a:lnTo>
                  <a:lnTo>
                    <a:pt x="344" y="491"/>
                  </a:lnTo>
                  <a:lnTo>
                    <a:pt x="343" y="491"/>
                  </a:lnTo>
                  <a:lnTo>
                    <a:pt x="343" y="490"/>
                  </a:lnTo>
                  <a:lnTo>
                    <a:pt x="343" y="490"/>
                  </a:lnTo>
                  <a:lnTo>
                    <a:pt x="328" y="499"/>
                  </a:lnTo>
                  <a:close/>
                  <a:moveTo>
                    <a:pt x="366" y="540"/>
                  </a:moveTo>
                  <a:lnTo>
                    <a:pt x="366" y="540"/>
                  </a:lnTo>
                  <a:lnTo>
                    <a:pt x="366" y="540"/>
                  </a:lnTo>
                  <a:lnTo>
                    <a:pt x="367" y="541"/>
                  </a:lnTo>
                  <a:lnTo>
                    <a:pt x="368" y="541"/>
                  </a:lnTo>
                  <a:lnTo>
                    <a:pt x="369" y="542"/>
                  </a:lnTo>
                  <a:lnTo>
                    <a:pt x="369" y="542"/>
                  </a:lnTo>
                  <a:lnTo>
                    <a:pt x="370" y="543"/>
                  </a:lnTo>
                  <a:lnTo>
                    <a:pt x="371" y="543"/>
                  </a:lnTo>
                  <a:lnTo>
                    <a:pt x="372" y="544"/>
                  </a:lnTo>
                  <a:lnTo>
                    <a:pt x="372" y="544"/>
                  </a:lnTo>
                  <a:lnTo>
                    <a:pt x="373" y="545"/>
                  </a:lnTo>
                  <a:lnTo>
                    <a:pt x="374" y="545"/>
                  </a:lnTo>
                  <a:lnTo>
                    <a:pt x="375" y="546"/>
                  </a:lnTo>
                  <a:lnTo>
                    <a:pt x="375" y="546"/>
                  </a:lnTo>
                  <a:lnTo>
                    <a:pt x="376" y="547"/>
                  </a:lnTo>
                  <a:lnTo>
                    <a:pt x="377" y="547"/>
                  </a:lnTo>
                  <a:lnTo>
                    <a:pt x="378" y="548"/>
                  </a:lnTo>
                  <a:lnTo>
                    <a:pt x="379" y="548"/>
                  </a:lnTo>
                  <a:lnTo>
                    <a:pt x="379" y="549"/>
                  </a:lnTo>
                  <a:lnTo>
                    <a:pt x="380" y="549"/>
                  </a:lnTo>
                  <a:lnTo>
                    <a:pt x="381" y="550"/>
                  </a:lnTo>
                  <a:lnTo>
                    <a:pt x="382" y="550"/>
                  </a:lnTo>
                  <a:lnTo>
                    <a:pt x="390" y="535"/>
                  </a:lnTo>
                  <a:lnTo>
                    <a:pt x="390" y="534"/>
                  </a:lnTo>
                  <a:lnTo>
                    <a:pt x="389" y="534"/>
                  </a:lnTo>
                  <a:lnTo>
                    <a:pt x="388" y="534"/>
                  </a:lnTo>
                  <a:lnTo>
                    <a:pt x="388" y="533"/>
                  </a:lnTo>
                  <a:lnTo>
                    <a:pt x="387" y="533"/>
                  </a:lnTo>
                  <a:lnTo>
                    <a:pt x="386" y="532"/>
                  </a:lnTo>
                  <a:lnTo>
                    <a:pt x="385" y="532"/>
                  </a:lnTo>
                  <a:lnTo>
                    <a:pt x="385" y="531"/>
                  </a:lnTo>
                  <a:lnTo>
                    <a:pt x="384" y="531"/>
                  </a:lnTo>
                  <a:lnTo>
                    <a:pt x="383" y="531"/>
                  </a:lnTo>
                  <a:lnTo>
                    <a:pt x="383" y="530"/>
                  </a:lnTo>
                  <a:lnTo>
                    <a:pt x="382" y="530"/>
                  </a:lnTo>
                  <a:lnTo>
                    <a:pt x="381" y="529"/>
                  </a:lnTo>
                  <a:lnTo>
                    <a:pt x="381" y="529"/>
                  </a:lnTo>
                  <a:lnTo>
                    <a:pt x="380" y="528"/>
                  </a:lnTo>
                  <a:lnTo>
                    <a:pt x="379" y="528"/>
                  </a:lnTo>
                  <a:lnTo>
                    <a:pt x="379" y="527"/>
                  </a:lnTo>
                  <a:lnTo>
                    <a:pt x="378" y="527"/>
                  </a:lnTo>
                  <a:lnTo>
                    <a:pt x="377" y="526"/>
                  </a:lnTo>
                  <a:lnTo>
                    <a:pt x="377" y="526"/>
                  </a:lnTo>
                  <a:lnTo>
                    <a:pt x="376" y="526"/>
                  </a:lnTo>
                  <a:lnTo>
                    <a:pt x="366" y="540"/>
                  </a:lnTo>
                  <a:close/>
                  <a:moveTo>
                    <a:pt x="416" y="564"/>
                  </a:moveTo>
                  <a:lnTo>
                    <a:pt x="416" y="564"/>
                  </a:lnTo>
                  <a:lnTo>
                    <a:pt x="416" y="564"/>
                  </a:lnTo>
                  <a:lnTo>
                    <a:pt x="417" y="565"/>
                  </a:lnTo>
                  <a:lnTo>
                    <a:pt x="418" y="565"/>
                  </a:lnTo>
                  <a:lnTo>
                    <a:pt x="419" y="565"/>
                  </a:lnTo>
                  <a:lnTo>
                    <a:pt x="420" y="565"/>
                  </a:lnTo>
                  <a:lnTo>
                    <a:pt x="421" y="566"/>
                  </a:lnTo>
                  <a:lnTo>
                    <a:pt x="422" y="566"/>
                  </a:lnTo>
                  <a:lnTo>
                    <a:pt x="423" y="566"/>
                  </a:lnTo>
                  <a:lnTo>
                    <a:pt x="424" y="566"/>
                  </a:lnTo>
                  <a:lnTo>
                    <a:pt x="424" y="566"/>
                  </a:lnTo>
                  <a:lnTo>
                    <a:pt x="425" y="567"/>
                  </a:lnTo>
                  <a:lnTo>
                    <a:pt x="426" y="567"/>
                  </a:lnTo>
                  <a:lnTo>
                    <a:pt x="427" y="567"/>
                  </a:lnTo>
                  <a:lnTo>
                    <a:pt x="428" y="567"/>
                  </a:lnTo>
                  <a:lnTo>
                    <a:pt x="429" y="567"/>
                  </a:lnTo>
                  <a:lnTo>
                    <a:pt x="430" y="568"/>
                  </a:lnTo>
                  <a:lnTo>
                    <a:pt x="431" y="568"/>
                  </a:lnTo>
                  <a:lnTo>
                    <a:pt x="432" y="568"/>
                  </a:lnTo>
                  <a:lnTo>
                    <a:pt x="433" y="568"/>
                  </a:lnTo>
                  <a:lnTo>
                    <a:pt x="434" y="568"/>
                  </a:lnTo>
                  <a:lnTo>
                    <a:pt x="434" y="568"/>
                  </a:lnTo>
                  <a:lnTo>
                    <a:pt x="437" y="551"/>
                  </a:lnTo>
                  <a:lnTo>
                    <a:pt x="437" y="551"/>
                  </a:lnTo>
                  <a:lnTo>
                    <a:pt x="436" y="551"/>
                  </a:lnTo>
                  <a:lnTo>
                    <a:pt x="435" y="551"/>
                  </a:lnTo>
                  <a:lnTo>
                    <a:pt x="434" y="550"/>
                  </a:lnTo>
                  <a:lnTo>
                    <a:pt x="433" y="550"/>
                  </a:lnTo>
                  <a:lnTo>
                    <a:pt x="432" y="550"/>
                  </a:lnTo>
                  <a:lnTo>
                    <a:pt x="431" y="550"/>
                  </a:lnTo>
                  <a:lnTo>
                    <a:pt x="431" y="550"/>
                  </a:lnTo>
                  <a:lnTo>
                    <a:pt x="430" y="550"/>
                  </a:lnTo>
                  <a:lnTo>
                    <a:pt x="429" y="549"/>
                  </a:lnTo>
                  <a:lnTo>
                    <a:pt x="428" y="549"/>
                  </a:lnTo>
                  <a:lnTo>
                    <a:pt x="427" y="549"/>
                  </a:lnTo>
                  <a:lnTo>
                    <a:pt x="427" y="549"/>
                  </a:lnTo>
                  <a:lnTo>
                    <a:pt x="426" y="549"/>
                  </a:lnTo>
                  <a:lnTo>
                    <a:pt x="425" y="548"/>
                  </a:lnTo>
                  <a:lnTo>
                    <a:pt x="424" y="548"/>
                  </a:lnTo>
                  <a:lnTo>
                    <a:pt x="423" y="548"/>
                  </a:lnTo>
                  <a:lnTo>
                    <a:pt x="422" y="548"/>
                  </a:lnTo>
                  <a:lnTo>
                    <a:pt x="422" y="548"/>
                  </a:lnTo>
                  <a:lnTo>
                    <a:pt x="421" y="547"/>
                  </a:lnTo>
                  <a:lnTo>
                    <a:pt x="421" y="547"/>
                  </a:lnTo>
                  <a:lnTo>
                    <a:pt x="416" y="564"/>
                  </a:lnTo>
                  <a:close/>
                  <a:moveTo>
                    <a:pt x="471" y="569"/>
                  </a:moveTo>
                  <a:lnTo>
                    <a:pt x="471" y="569"/>
                  </a:lnTo>
                  <a:lnTo>
                    <a:pt x="472" y="569"/>
                  </a:lnTo>
                  <a:lnTo>
                    <a:pt x="473" y="569"/>
                  </a:lnTo>
                  <a:lnTo>
                    <a:pt x="474" y="569"/>
                  </a:lnTo>
                  <a:lnTo>
                    <a:pt x="475" y="569"/>
                  </a:lnTo>
                  <a:lnTo>
                    <a:pt x="476" y="569"/>
                  </a:lnTo>
                  <a:lnTo>
                    <a:pt x="477" y="569"/>
                  </a:lnTo>
                  <a:lnTo>
                    <a:pt x="478" y="569"/>
                  </a:lnTo>
                  <a:lnTo>
                    <a:pt x="479" y="568"/>
                  </a:lnTo>
                  <a:lnTo>
                    <a:pt x="480" y="568"/>
                  </a:lnTo>
                  <a:lnTo>
                    <a:pt x="480" y="568"/>
                  </a:lnTo>
                  <a:lnTo>
                    <a:pt x="481" y="568"/>
                  </a:lnTo>
                  <a:lnTo>
                    <a:pt x="482" y="568"/>
                  </a:lnTo>
                  <a:lnTo>
                    <a:pt x="483" y="568"/>
                  </a:lnTo>
                  <a:lnTo>
                    <a:pt x="484" y="568"/>
                  </a:lnTo>
                  <a:lnTo>
                    <a:pt x="485" y="567"/>
                  </a:lnTo>
                  <a:lnTo>
                    <a:pt x="486" y="567"/>
                  </a:lnTo>
                  <a:lnTo>
                    <a:pt x="487" y="567"/>
                  </a:lnTo>
                  <a:lnTo>
                    <a:pt x="488" y="567"/>
                  </a:lnTo>
                  <a:lnTo>
                    <a:pt x="489" y="567"/>
                  </a:lnTo>
                  <a:lnTo>
                    <a:pt x="490" y="566"/>
                  </a:lnTo>
                  <a:lnTo>
                    <a:pt x="490" y="566"/>
                  </a:lnTo>
                  <a:lnTo>
                    <a:pt x="486" y="549"/>
                  </a:lnTo>
                  <a:lnTo>
                    <a:pt x="486" y="549"/>
                  </a:lnTo>
                  <a:lnTo>
                    <a:pt x="485" y="549"/>
                  </a:lnTo>
                  <a:lnTo>
                    <a:pt x="485" y="550"/>
                  </a:lnTo>
                  <a:lnTo>
                    <a:pt x="484" y="550"/>
                  </a:lnTo>
                  <a:lnTo>
                    <a:pt x="483" y="550"/>
                  </a:lnTo>
                  <a:lnTo>
                    <a:pt x="482" y="550"/>
                  </a:lnTo>
                  <a:lnTo>
                    <a:pt x="481" y="550"/>
                  </a:lnTo>
                  <a:lnTo>
                    <a:pt x="480" y="550"/>
                  </a:lnTo>
                  <a:lnTo>
                    <a:pt x="479" y="551"/>
                  </a:lnTo>
                  <a:lnTo>
                    <a:pt x="479" y="551"/>
                  </a:lnTo>
                  <a:lnTo>
                    <a:pt x="478" y="551"/>
                  </a:lnTo>
                  <a:lnTo>
                    <a:pt x="477" y="551"/>
                  </a:lnTo>
                  <a:lnTo>
                    <a:pt x="476" y="551"/>
                  </a:lnTo>
                  <a:lnTo>
                    <a:pt x="475" y="551"/>
                  </a:lnTo>
                  <a:lnTo>
                    <a:pt x="474" y="551"/>
                  </a:lnTo>
                  <a:lnTo>
                    <a:pt x="474" y="551"/>
                  </a:lnTo>
                  <a:lnTo>
                    <a:pt x="473" y="551"/>
                  </a:lnTo>
                  <a:lnTo>
                    <a:pt x="472" y="552"/>
                  </a:lnTo>
                  <a:lnTo>
                    <a:pt x="471" y="552"/>
                  </a:lnTo>
                  <a:lnTo>
                    <a:pt x="470" y="552"/>
                  </a:lnTo>
                  <a:lnTo>
                    <a:pt x="470" y="552"/>
                  </a:lnTo>
                  <a:lnTo>
                    <a:pt x="471" y="569"/>
                  </a:lnTo>
                  <a:close/>
                  <a:moveTo>
                    <a:pt x="525" y="554"/>
                  </a:moveTo>
                  <a:lnTo>
                    <a:pt x="525" y="554"/>
                  </a:lnTo>
                  <a:lnTo>
                    <a:pt x="525" y="554"/>
                  </a:lnTo>
                  <a:lnTo>
                    <a:pt x="526" y="554"/>
                  </a:lnTo>
                  <a:lnTo>
                    <a:pt x="527" y="553"/>
                  </a:lnTo>
                  <a:lnTo>
                    <a:pt x="528" y="553"/>
                  </a:lnTo>
                  <a:lnTo>
                    <a:pt x="529" y="552"/>
                  </a:lnTo>
                  <a:lnTo>
                    <a:pt x="529" y="552"/>
                  </a:lnTo>
                  <a:lnTo>
                    <a:pt x="530" y="551"/>
                  </a:lnTo>
                  <a:lnTo>
                    <a:pt x="531" y="551"/>
                  </a:lnTo>
                  <a:lnTo>
                    <a:pt x="532" y="551"/>
                  </a:lnTo>
                  <a:lnTo>
                    <a:pt x="533" y="550"/>
                  </a:lnTo>
                  <a:lnTo>
                    <a:pt x="533" y="550"/>
                  </a:lnTo>
                  <a:lnTo>
                    <a:pt x="534" y="549"/>
                  </a:lnTo>
                  <a:lnTo>
                    <a:pt x="535" y="549"/>
                  </a:lnTo>
                  <a:lnTo>
                    <a:pt x="536" y="548"/>
                  </a:lnTo>
                  <a:lnTo>
                    <a:pt x="537" y="548"/>
                  </a:lnTo>
                  <a:lnTo>
                    <a:pt x="537" y="547"/>
                  </a:lnTo>
                  <a:lnTo>
                    <a:pt x="538" y="547"/>
                  </a:lnTo>
                  <a:lnTo>
                    <a:pt x="539" y="546"/>
                  </a:lnTo>
                  <a:lnTo>
                    <a:pt x="540" y="546"/>
                  </a:lnTo>
                  <a:lnTo>
                    <a:pt x="540" y="545"/>
                  </a:lnTo>
                  <a:lnTo>
                    <a:pt x="541" y="545"/>
                  </a:lnTo>
                  <a:lnTo>
                    <a:pt x="532" y="530"/>
                  </a:lnTo>
                  <a:lnTo>
                    <a:pt x="531" y="531"/>
                  </a:lnTo>
                  <a:lnTo>
                    <a:pt x="530" y="531"/>
                  </a:lnTo>
                  <a:lnTo>
                    <a:pt x="530" y="531"/>
                  </a:lnTo>
                  <a:lnTo>
                    <a:pt x="529" y="532"/>
                  </a:lnTo>
                  <a:lnTo>
                    <a:pt x="528" y="532"/>
                  </a:lnTo>
                  <a:lnTo>
                    <a:pt x="527" y="533"/>
                  </a:lnTo>
                  <a:lnTo>
                    <a:pt x="527" y="533"/>
                  </a:lnTo>
                  <a:lnTo>
                    <a:pt x="526" y="534"/>
                  </a:lnTo>
                  <a:lnTo>
                    <a:pt x="525" y="534"/>
                  </a:lnTo>
                  <a:lnTo>
                    <a:pt x="525" y="534"/>
                  </a:lnTo>
                  <a:lnTo>
                    <a:pt x="524" y="535"/>
                  </a:lnTo>
                  <a:lnTo>
                    <a:pt x="523" y="535"/>
                  </a:lnTo>
                  <a:lnTo>
                    <a:pt x="522" y="536"/>
                  </a:lnTo>
                  <a:lnTo>
                    <a:pt x="522" y="536"/>
                  </a:lnTo>
                  <a:lnTo>
                    <a:pt x="521" y="536"/>
                  </a:lnTo>
                  <a:lnTo>
                    <a:pt x="520" y="537"/>
                  </a:lnTo>
                  <a:lnTo>
                    <a:pt x="520" y="537"/>
                  </a:lnTo>
                  <a:lnTo>
                    <a:pt x="519" y="538"/>
                  </a:lnTo>
                  <a:lnTo>
                    <a:pt x="518" y="538"/>
                  </a:lnTo>
                  <a:lnTo>
                    <a:pt x="517" y="538"/>
                  </a:lnTo>
                  <a:lnTo>
                    <a:pt x="517" y="538"/>
                  </a:lnTo>
                  <a:lnTo>
                    <a:pt x="525" y="554"/>
                  </a:lnTo>
                  <a:close/>
                  <a:moveTo>
                    <a:pt x="570" y="521"/>
                  </a:moveTo>
                  <a:lnTo>
                    <a:pt x="570" y="521"/>
                  </a:lnTo>
                  <a:lnTo>
                    <a:pt x="570" y="520"/>
                  </a:lnTo>
                  <a:lnTo>
                    <a:pt x="570" y="520"/>
                  </a:lnTo>
                  <a:lnTo>
                    <a:pt x="571" y="519"/>
                  </a:lnTo>
                  <a:lnTo>
                    <a:pt x="572" y="518"/>
                  </a:lnTo>
                  <a:lnTo>
                    <a:pt x="572" y="518"/>
                  </a:lnTo>
                  <a:lnTo>
                    <a:pt x="573" y="517"/>
                  </a:lnTo>
                  <a:lnTo>
                    <a:pt x="574" y="516"/>
                  </a:lnTo>
                  <a:lnTo>
                    <a:pt x="574" y="516"/>
                  </a:lnTo>
                  <a:lnTo>
                    <a:pt x="575" y="515"/>
                  </a:lnTo>
                  <a:lnTo>
                    <a:pt x="575" y="514"/>
                  </a:lnTo>
                  <a:lnTo>
                    <a:pt x="576" y="514"/>
                  </a:lnTo>
                  <a:lnTo>
                    <a:pt x="576" y="513"/>
                  </a:lnTo>
                  <a:lnTo>
                    <a:pt x="577" y="512"/>
                  </a:lnTo>
                  <a:lnTo>
                    <a:pt x="578" y="511"/>
                  </a:lnTo>
                  <a:lnTo>
                    <a:pt x="578" y="511"/>
                  </a:lnTo>
                  <a:lnTo>
                    <a:pt x="579" y="510"/>
                  </a:lnTo>
                  <a:lnTo>
                    <a:pt x="579" y="509"/>
                  </a:lnTo>
                  <a:lnTo>
                    <a:pt x="580" y="508"/>
                  </a:lnTo>
                  <a:lnTo>
                    <a:pt x="580" y="508"/>
                  </a:lnTo>
                  <a:lnTo>
                    <a:pt x="581" y="507"/>
                  </a:lnTo>
                  <a:lnTo>
                    <a:pt x="581" y="506"/>
                  </a:lnTo>
                  <a:lnTo>
                    <a:pt x="567" y="496"/>
                  </a:lnTo>
                  <a:lnTo>
                    <a:pt x="567" y="497"/>
                  </a:lnTo>
                  <a:lnTo>
                    <a:pt x="566" y="497"/>
                  </a:lnTo>
                  <a:lnTo>
                    <a:pt x="566" y="498"/>
                  </a:lnTo>
                  <a:lnTo>
                    <a:pt x="565" y="499"/>
                  </a:lnTo>
                  <a:lnTo>
                    <a:pt x="565" y="499"/>
                  </a:lnTo>
                  <a:lnTo>
                    <a:pt x="564" y="500"/>
                  </a:lnTo>
                  <a:lnTo>
                    <a:pt x="564" y="500"/>
                  </a:lnTo>
                  <a:lnTo>
                    <a:pt x="563" y="501"/>
                  </a:lnTo>
                  <a:lnTo>
                    <a:pt x="563" y="502"/>
                  </a:lnTo>
                  <a:lnTo>
                    <a:pt x="562" y="502"/>
                  </a:lnTo>
                  <a:lnTo>
                    <a:pt x="562" y="503"/>
                  </a:lnTo>
                  <a:lnTo>
                    <a:pt x="561" y="504"/>
                  </a:lnTo>
                  <a:lnTo>
                    <a:pt x="561" y="504"/>
                  </a:lnTo>
                  <a:lnTo>
                    <a:pt x="560" y="505"/>
                  </a:lnTo>
                  <a:lnTo>
                    <a:pt x="560" y="505"/>
                  </a:lnTo>
                  <a:lnTo>
                    <a:pt x="559" y="506"/>
                  </a:lnTo>
                  <a:lnTo>
                    <a:pt x="559" y="507"/>
                  </a:lnTo>
                  <a:lnTo>
                    <a:pt x="558" y="507"/>
                  </a:lnTo>
                  <a:lnTo>
                    <a:pt x="557" y="508"/>
                  </a:lnTo>
                  <a:lnTo>
                    <a:pt x="557" y="509"/>
                  </a:lnTo>
                  <a:lnTo>
                    <a:pt x="557" y="509"/>
                  </a:lnTo>
                  <a:lnTo>
                    <a:pt x="570" y="521"/>
                  </a:lnTo>
                  <a:close/>
                  <a:moveTo>
                    <a:pt x="599" y="474"/>
                  </a:moveTo>
                  <a:lnTo>
                    <a:pt x="599" y="474"/>
                  </a:lnTo>
                  <a:lnTo>
                    <a:pt x="600" y="473"/>
                  </a:lnTo>
                  <a:lnTo>
                    <a:pt x="600" y="472"/>
                  </a:lnTo>
                  <a:lnTo>
                    <a:pt x="600" y="471"/>
                  </a:lnTo>
                  <a:lnTo>
                    <a:pt x="601" y="470"/>
                  </a:lnTo>
                  <a:lnTo>
                    <a:pt x="601" y="469"/>
                  </a:lnTo>
                  <a:lnTo>
                    <a:pt x="601" y="469"/>
                  </a:lnTo>
                  <a:lnTo>
                    <a:pt x="602" y="468"/>
                  </a:lnTo>
                  <a:lnTo>
                    <a:pt x="602" y="467"/>
                  </a:lnTo>
                  <a:lnTo>
                    <a:pt x="602" y="466"/>
                  </a:lnTo>
                  <a:lnTo>
                    <a:pt x="603" y="465"/>
                  </a:lnTo>
                  <a:lnTo>
                    <a:pt x="603" y="464"/>
                  </a:lnTo>
                  <a:lnTo>
                    <a:pt x="603" y="463"/>
                  </a:lnTo>
                  <a:lnTo>
                    <a:pt x="603" y="462"/>
                  </a:lnTo>
                  <a:lnTo>
                    <a:pt x="604" y="461"/>
                  </a:lnTo>
                  <a:lnTo>
                    <a:pt x="604" y="461"/>
                  </a:lnTo>
                  <a:lnTo>
                    <a:pt x="604" y="460"/>
                  </a:lnTo>
                  <a:lnTo>
                    <a:pt x="604" y="459"/>
                  </a:lnTo>
                  <a:lnTo>
                    <a:pt x="605" y="458"/>
                  </a:lnTo>
                  <a:lnTo>
                    <a:pt x="605" y="457"/>
                  </a:lnTo>
                  <a:lnTo>
                    <a:pt x="605" y="456"/>
                  </a:lnTo>
                  <a:lnTo>
                    <a:pt x="605" y="456"/>
                  </a:lnTo>
                  <a:lnTo>
                    <a:pt x="588" y="451"/>
                  </a:lnTo>
                  <a:lnTo>
                    <a:pt x="588" y="452"/>
                  </a:lnTo>
                  <a:lnTo>
                    <a:pt x="588" y="452"/>
                  </a:lnTo>
                  <a:lnTo>
                    <a:pt x="588" y="453"/>
                  </a:lnTo>
                  <a:lnTo>
                    <a:pt x="588" y="454"/>
                  </a:lnTo>
                  <a:lnTo>
                    <a:pt x="587" y="455"/>
                  </a:lnTo>
                  <a:lnTo>
                    <a:pt x="587" y="456"/>
                  </a:lnTo>
                  <a:lnTo>
                    <a:pt x="587" y="456"/>
                  </a:lnTo>
                  <a:lnTo>
                    <a:pt x="587" y="457"/>
                  </a:lnTo>
                  <a:lnTo>
                    <a:pt x="586" y="458"/>
                  </a:lnTo>
                  <a:lnTo>
                    <a:pt x="586" y="459"/>
                  </a:lnTo>
                  <a:lnTo>
                    <a:pt x="586" y="459"/>
                  </a:lnTo>
                  <a:lnTo>
                    <a:pt x="586" y="460"/>
                  </a:lnTo>
                  <a:lnTo>
                    <a:pt x="585" y="461"/>
                  </a:lnTo>
                  <a:lnTo>
                    <a:pt x="585" y="462"/>
                  </a:lnTo>
                  <a:lnTo>
                    <a:pt x="585" y="463"/>
                  </a:lnTo>
                  <a:lnTo>
                    <a:pt x="584" y="463"/>
                  </a:lnTo>
                  <a:lnTo>
                    <a:pt x="584" y="464"/>
                  </a:lnTo>
                  <a:lnTo>
                    <a:pt x="584" y="465"/>
                  </a:lnTo>
                  <a:lnTo>
                    <a:pt x="584" y="466"/>
                  </a:lnTo>
                  <a:lnTo>
                    <a:pt x="583" y="467"/>
                  </a:lnTo>
                  <a:lnTo>
                    <a:pt x="583" y="467"/>
                  </a:lnTo>
                  <a:lnTo>
                    <a:pt x="599" y="474"/>
                  </a:lnTo>
                  <a:close/>
                  <a:moveTo>
                    <a:pt x="610" y="419"/>
                  </a:moveTo>
                  <a:lnTo>
                    <a:pt x="610" y="419"/>
                  </a:lnTo>
                  <a:lnTo>
                    <a:pt x="610" y="419"/>
                  </a:lnTo>
                  <a:lnTo>
                    <a:pt x="610" y="418"/>
                  </a:lnTo>
                  <a:lnTo>
                    <a:pt x="610" y="417"/>
                  </a:lnTo>
                  <a:lnTo>
                    <a:pt x="610" y="416"/>
                  </a:lnTo>
                  <a:lnTo>
                    <a:pt x="610" y="415"/>
                  </a:lnTo>
                  <a:lnTo>
                    <a:pt x="610" y="414"/>
                  </a:lnTo>
                  <a:lnTo>
                    <a:pt x="610" y="413"/>
                  </a:lnTo>
                  <a:lnTo>
                    <a:pt x="610" y="412"/>
                  </a:lnTo>
                  <a:lnTo>
                    <a:pt x="610" y="411"/>
                  </a:lnTo>
                  <a:lnTo>
                    <a:pt x="610" y="410"/>
                  </a:lnTo>
                  <a:lnTo>
                    <a:pt x="610" y="409"/>
                  </a:lnTo>
                  <a:lnTo>
                    <a:pt x="610" y="408"/>
                  </a:lnTo>
                  <a:lnTo>
                    <a:pt x="610" y="407"/>
                  </a:lnTo>
                  <a:lnTo>
                    <a:pt x="610" y="406"/>
                  </a:lnTo>
                  <a:lnTo>
                    <a:pt x="610" y="405"/>
                  </a:lnTo>
                  <a:lnTo>
                    <a:pt x="610" y="404"/>
                  </a:lnTo>
                  <a:lnTo>
                    <a:pt x="610" y="403"/>
                  </a:lnTo>
                  <a:lnTo>
                    <a:pt x="610" y="402"/>
                  </a:lnTo>
                  <a:lnTo>
                    <a:pt x="609" y="401"/>
                  </a:lnTo>
                  <a:lnTo>
                    <a:pt x="609" y="400"/>
                  </a:lnTo>
                  <a:lnTo>
                    <a:pt x="592" y="402"/>
                  </a:lnTo>
                  <a:lnTo>
                    <a:pt x="592" y="403"/>
                  </a:lnTo>
                  <a:lnTo>
                    <a:pt x="592" y="404"/>
                  </a:lnTo>
                  <a:lnTo>
                    <a:pt x="592" y="405"/>
                  </a:lnTo>
                  <a:lnTo>
                    <a:pt x="592" y="406"/>
                  </a:lnTo>
                  <a:lnTo>
                    <a:pt x="592" y="406"/>
                  </a:lnTo>
                  <a:lnTo>
                    <a:pt x="592" y="407"/>
                  </a:lnTo>
                  <a:lnTo>
                    <a:pt x="592" y="408"/>
                  </a:lnTo>
                  <a:lnTo>
                    <a:pt x="592" y="409"/>
                  </a:lnTo>
                  <a:lnTo>
                    <a:pt x="592" y="410"/>
                  </a:lnTo>
                  <a:lnTo>
                    <a:pt x="593" y="411"/>
                  </a:lnTo>
                  <a:lnTo>
                    <a:pt x="593" y="412"/>
                  </a:lnTo>
                  <a:lnTo>
                    <a:pt x="593" y="412"/>
                  </a:lnTo>
                  <a:lnTo>
                    <a:pt x="593" y="413"/>
                  </a:lnTo>
                  <a:lnTo>
                    <a:pt x="593" y="414"/>
                  </a:lnTo>
                  <a:lnTo>
                    <a:pt x="593" y="415"/>
                  </a:lnTo>
                  <a:lnTo>
                    <a:pt x="593" y="416"/>
                  </a:lnTo>
                  <a:lnTo>
                    <a:pt x="593" y="417"/>
                  </a:lnTo>
                  <a:lnTo>
                    <a:pt x="593" y="418"/>
                  </a:lnTo>
                  <a:lnTo>
                    <a:pt x="593" y="419"/>
                  </a:lnTo>
                  <a:lnTo>
                    <a:pt x="593" y="419"/>
                  </a:lnTo>
                  <a:lnTo>
                    <a:pt x="610" y="419"/>
                  </a:lnTo>
                  <a:close/>
                  <a:moveTo>
                    <a:pt x="601" y="364"/>
                  </a:moveTo>
                  <a:lnTo>
                    <a:pt x="601" y="364"/>
                  </a:lnTo>
                  <a:lnTo>
                    <a:pt x="601" y="363"/>
                  </a:lnTo>
                  <a:lnTo>
                    <a:pt x="600" y="362"/>
                  </a:lnTo>
                  <a:lnTo>
                    <a:pt x="600" y="362"/>
                  </a:lnTo>
                  <a:lnTo>
                    <a:pt x="600" y="361"/>
                  </a:lnTo>
                  <a:lnTo>
                    <a:pt x="599" y="360"/>
                  </a:lnTo>
                  <a:lnTo>
                    <a:pt x="599" y="359"/>
                  </a:lnTo>
                  <a:lnTo>
                    <a:pt x="599" y="358"/>
                  </a:lnTo>
                  <a:lnTo>
                    <a:pt x="598" y="357"/>
                  </a:lnTo>
                  <a:lnTo>
                    <a:pt x="598" y="356"/>
                  </a:lnTo>
                  <a:lnTo>
                    <a:pt x="598" y="356"/>
                  </a:lnTo>
                  <a:lnTo>
                    <a:pt x="597" y="355"/>
                  </a:lnTo>
                  <a:lnTo>
                    <a:pt x="597" y="354"/>
                  </a:lnTo>
                  <a:lnTo>
                    <a:pt x="596" y="353"/>
                  </a:lnTo>
                  <a:lnTo>
                    <a:pt x="596" y="352"/>
                  </a:lnTo>
                  <a:lnTo>
                    <a:pt x="596" y="351"/>
                  </a:lnTo>
                  <a:lnTo>
                    <a:pt x="595" y="350"/>
                  </a:lnTo>
                  <a:lnTo>
                    <a:pt x="595" y="350"/>
                  </a:lnTo>
                  <a:lnTo>
                    <a:pt x="594" y="349"/>
                  </a:lnTo>
                  <a:lnTo>
                    <a:pt x="594" y="348"/>
                  </a:lnTo>
                  <a:lnTo>
                    <a:pt x="594" y="347"/>
                  </a:lnTo>
                  <a:lnTo>
                    <a:pt x="593" y="347"/>
                  </a:lnTo>
                  <a:lnTo>
                    <a:pt x="578" y="355"/>
                  </a:lnTo>
                  <a:lnTo>
                    <a:pt x="578" y="355"/>
                  </a:lnTo>
                  <a:lnTo>
                    <a:pt x="578" y="356"/>
                  </a:lnTo>
                  <a:lnTo>
                    <a:pt x="579" y="357"/>
                  </a:lnTo>
                  <a:lnTo>
                    <a:pt x="579" y="357"/>
                  </a:lnTo>
                  <a:lnTo>
                    <a:pt x="579" y="358"/>
                  </a:lnTo>
                  <a:lnTo>
                    <a:pt x="580" y="359"/>
                  </a:lnTo>
                  <a:lnTo>
                    <a:pt x="580" y="360"/>
                  </a:lnTo>
                  <a:lnTo>
                    <a:pt x="580" y="360"/>
                  </a:lnTo>
                  <a:lnTo>
                    <a:pt x="581" y="361"/>
                  </a:lnTo>
                  <a:lnTo>
                    <a:pt x="581" y="362"/>
                  </a:lnTo>
                  <a:lnTo>
                    <a:pt x="581" y="363"/>
                  </a:lnTo>
                  <a:lnTo>
                    <a:pt x="582" y="363"/>
                  </a:lnTo>
                  <a:lnTo>
                    <a:pt x="582" y="364"/>
                  </a:lnTo>
                  <a:lnTo>
                    <a:pt x="582" y="365"/>
                  </a:lnTo>
                  <a:lnTo>
                    <a:pt x="583" y="366"/>
                  </a:lnTo>
                  <a:lnTo>
                    <a:pt x="583" y="366"/>
                  </a:lnTo>
                  <a:lnTo>
                    <a:pt x="583" y="367"/>
                  </a:lnTo>
                  <a:lnTo>
                    <a:pt x="584" y="368"/>
                  </a:lnTo>
                  <a:lnTo>
                    <a:pt x="584" y="369"/>
                  </a:lnTo>
                  <a:lnTo>
                    <a:pt x="584" y="369"/>
                  </a:lnTo>
                  <a:lnTo>
                    <a:pt x="584" y="370"/>
                  </a:lnTo>
                  <a:lnTo>
                    <a:pt x="601" y="364"/>
                  </a:lnTo>
                  <a:close/>
                  <a:moveTo>
                    <a:pt x="573" y="316"/>
                  </a:moveTo>
                  <a:lnTo>
                    <a:pt x="573" y="316"/>
                  </a:lnTo>
                  <a:lnTo>
                    <a:pt x="572" y="316"/>
                  </a:lnTo>
                  <a:lnTo>
                    <a:pt x="572" y="315"/>
                  </a:lnTo>
                  <a:lnTo>
                    <a:pt x="571" y="315"/>
                  </a:lnTo>
                  <a:lnTo>
                    <a:pt x="570" y="314"/>
                  </a:lnTo>
                  <a:lnTo>
                    <a:pt x="570" y="313"/>
                  </a:lnTo>
                  <a:lnTo>
                    <a:pt x="569" y="313"/>
                  </a:lnTo>
                  <a:lnTo>
                    <a:pt x="569" y="312"/>
                  </a:lnTo>
                  <a:lnTo>
                    <a:pt x="568" y="311"/>
                  </a:lnTo>
                  <a:lnTo>
                    <a:pt x="567" y="311"/>
                  </a:lnTo>
                  <a:lnTo>
                    <a:pt x="567" y="310"/>
                  </a:lnTo>
                  <a:lnTo>
                    <a:pt x="566" y="309"/>
                  </a:lnTo>
                  <a:lnTo>
                    <a:pt x="565" y="309"/>
                  </a:lnTo>
                  <a:lnTo>
                    <a:pt x="565" y="308"/>
                  </a:lnTo>
                  <a:lnTo>
                    <a:pt x="564" y="307"/>
                  </a:lnTo>
                  <a:lnTo>
                    <a:pt x="563" y="307"/>
                  </a:lnTo>
                  <a:lnTo>
                    <a:pt x="563" y="306"/>
                  </a:lnTo>
                  <a:lnTo>
                    <a:pt x="562" y="305"/>
                  </a:lnTo>
                  <a:lnTo>
                    <a:pt x="561" y="305"/>
                  </a:lnTo>
                  <a:lnTo>
                    <a:pt x="561" y="304"/>
                  </a:lnTo>
                  <a:lnTo>
                    <a:pt x="560" y="304"/>
                  </a:lnTo>
                  <a:lnTo>
                    <a:pt x="559" y="303"/>
                  </a:lnTo>
                  <a:lnTo>
                    <a:pt x="548" y="316"/>
                  </a:lnTo>
                  <a:lnTo>
                    <a:pt x="548" y="317"/>
                  </a:lnTo>
                  <a:lnTo>
                    <a:pt x="549" y="317"/>
                  </a:lnTo>
                  <a:lnTo>
                    <a:pt x="549" y="318"/>
                  </a:lnTo>
                  <a:lnTo>
                    <a:pt x="550" y="318"/>
                  </a:lnTo>
                  <a:lnTo>
                    <a:pt x="551" y="319"/>
                  </a:lnTo>
                  <a:lnTo>
                    <a:pt x="551" y="319"/>
                  </a:lnTo>
                  <a:lnTo>
                    <a:pt x="552" y="320"/>
                  </a:lnTo>
                  <a:lnTo>
                    <a:pt x="552" y="320"/>
                  </a:lnTo>
                  <a:lnTo>
                    <a:pt x="553" y="321"/>
                  </a:lnTo>
                  <a:lnTo>
                    <a:pt x="554" y="322"/>
                  </a:lnTo>
                  <a:lnTo>
                    <a:pt x="554" y="322"/>
                  </a:lnTo>
                  <a:lnTo>
                    <a:pt x="555" y="323"/>
                  </a:lnTo>
                  <a:lnTo>
                    <a:pt x="555" y="323"/>
                  </a:lnTo>
                  <a:lnTo>
                    <a:pt x="556" y="324"/>
                  </a:lnTo>
                  <a:lnTo>
                    <a:pt x="556" y="325"/>
                  </a:lnTo>
                  <a:lnTo>
                    <a:pt x="557" y="325"/>
                  </a:lnTo>
                  <a:lnTo>
                    <a:pt x="557" y="326"/>
                  </a:lnTo>
                  <a:lnTo>
                    <a:pt x="558" y="326"/>
                  </a:lnTo>
                  <a:lnTo>
                    <a:pt x="559" y="327"/>
                  </a:lnTo>
                  <a:lnTo>
                    <a:pt x="559" y="328"/>
                  </a:lnTo>
                  <a:lnTo>
                    <a:pt x="559" y="328"/>
                  </a:lnTo>
                  <a:lnTo>
                    <a:pt x="573" y="316"/>
                  </a:lnTo>
                  <a:close/>
                  <a:moveTo>
                    <a:pt x="529" y="282"/>
                  </a:moveTo>
                  <a:lnTo>
                    <a:pt x="529" y="282"/>
                  </a:lnTo>
                  <a:lnTo>
                    <a:pt x="529" y="281"/>
                  </a:lnTo>
                  <a:lnTo>
                    <a:pt x="528" y="281"/>
                  </a:lnTo>
                  <a:lnTo>
                    <a:pt x="527" y="280"/>
                  </a:lnTo>
                  <a:lnTo>
                    <a:pt x="526" y="280"/>
                  </a:lnTo>
                  <a:lnTo>
                    <a:pt x="525" y="280"/>
                  </a:lnTo>
                  <a:lnTo>
                    <a:pt x="524" y="279"/>
                  </a:lnTo>
                  <a:lnTo>
                    <a:pt x="524" y="279"/>
                  </a:lnTo>
                  <a:lnTo>
                    <a:pt x="523" y="278"/>
                  </a:lnTo>
                  <a:lnTo>
                    <a:pt x="522" y="278"/>
                  </a:lnTo>
                  <a:lnTo>
                    <a:pt x="521" y="278"/>
                  </a:lnTo>
                  <a:lnTo>
                    <a:pt x="520" y="277"/>
                  </a:lnTo>
                  <a:lnTo>
                    <a:pt x="519" y="277"/>
                  </a:lnTo>
                  <a:lnTo>
                    <a:pt x="518" y="277"/>
                  </a:lnTo>
                  <a:lnTo>
                    <a:pt x="518" y="276"/>
                  </a:lnTo>
                  <a:lnTo>
                    <a:pt x="517" y="276"/>
                  </a:lnTo>
                  <a:lnTo>
                    <a:pt x="516" y="275"/>
                  </a:lnTo>
                  <a:lnTo>
                    <a:pt x="515" y="275"/>
                  </a:lnTo>
                  <a:lnTo>
                    <a:pt x="514" y="275"/>
                  </a:lnTo>
                  <a:lnTo>
                    <a:pt x="513" y="274"/>
                  </a:lnTo>
                  <a:lnTo>
                    <a:pt x="512" y="274"/>
                  </a:lnTo>
                  <a:lnTo>
                    <a:pt x="512" y="274"/>
                  </a:lnTo>
                  <a:lnTo>
                    <a:pt x="506" y="290"/>
                  </a:lnTo>
                  <a:lnTo>
                    <a:pt x="506" y="290"/>
                  </a:lnTo>
                  <a:lnTo>
                    <a:pt x="507" y="291"/>
                  </a:lnTo>
                  <a:lnTo>
                    <a:pt x="508" y="291"/>
                  </a:lnTo>
                  <a:lnTo>
                    <a:pt x="508" y="291"/>
                  </a:lnTo>
                  <a:lnTo>
                    <a:pt x="509" y="292"/>
                  </a:lnTo>
                  <a:lnTo>
                    <a:pt x="510" y="292"/>
                  </a:lnTo>
                  <a:lnTo>
                    <a:pt x="511" y="292"/>
                  </a:lnTo>
                  <a:lnTo>
                    <a:pt x="511" y="293"/>
                  </a:lnTo>
                  <a:lnTo>
                    <a:pt x="512" y="293"/>
                  </a:lnTo>
                  <a:lnTo>
                    <a:pt x="513" y="293"/>
                  </a:lnTo>
                  <a:lnTo>
                    <a:pt x="514" y="294"/>
                  </a:lnTo>
                  <a:lnTo>
                    <a:pt x="514" y="294"/>
                  </a:lnTo>
                  <a:lnTo>
                    <a:pt x="515" y="294"/>
                  </a:lnTo>
                  <a:lnTo>
                    <a:pt x="516" y="295"/>
                  </a:lnTo>
                  <a:lnTo>
                    <a:pt x="517" y="295"/>
                  </a:lnTo>
                  <a:lnTo>
                    <a:pt x="517" y="295"/>
                  </a:lnTo>
                  <a:lnTo>
                    <a:pt x="518" y="296"/>
                  </a:lnTo>
                  <a:lnTo>
                    <a:pt x="519" y="296"/>
                  </a:lnTo>
                  <a:lnTo>
                    <a:pt x="520" y="297"/>
                  </a:lnTo>
                  <a:lnTo>
                    <a:pt x="520" y="297"/>
                  </a:lnTo>
                  <a:lnTo>
                    <a:pt x="521" y="297"/>
                  </a:lnTo>
                  <a:lnTo>
                    <a:pt x="529" y="282"/>
                  </a:lnTo>
                  <a:close/>
                  <a:moveTo>
                    <a:pt x="457" y="231"/>
                  </a:moveTo>
                  <a:lnTo>
                    <a:pt x="457" y="231"/>
                  </a:lnTo>
                  <a:cubicBezTo>
                    <a:pt x="354" y="231"/>
                    <a:pt x="271" y="314"/>
                    <a:pt x="271" y="417"/>
                  </a:cubicBezTo>
                  <a:cubicBezTo>
                    <a:pt x="271" y="520"/>
                    <a:pt x="354" y="603"/>
                    <a:pt x="457" y="603"/>
                  </a:cubicBezTo>
                  <a:cubicBezTo>
                    <a:pt x="560" y="603"/>
                    <a:pt x="643" y="520"/>
                    <a:pt x="643" y="417"/>
                  </a:cubicBezTo>
                  <a:cubicBezTo>
                    <a:pt x="643" y="314"/>
                    <a:pt x="560" y="231"/>
                    <a:pt x="457" y="231"/>
                  </a:cubicBezTo>
                  <a:close/>
                  <a:moveTo>
                    <a:pt x="30" y="153"/>
                  </a:moveTo>
                  <a:lnTo>
                    <a:pt x="30" y="153"/>
                  </a:lnTo>
                  <a:cubicBezTo>
                    <a:pt x="66" y="150"/>
                    <a:pt x="102" y="148"/>
                    <a:pt x="138" y="147"/>
                  </a:cubicBezTo>
                  <a:cubicBezTo>
                    <a:pt x="114" y="146"/>
                    <a:pt x="89" y="144"/>
                    <a:pt x="65" y="141"/>
                  </a:cubicBezTo>
                  <a:cubicBezTo>
                    <a:pt x="49" y="139"/>
                    <a:pt x="35" y="128"/>
                    <a:pt x="35" y="111"/>
                  </a:cubicBezTo>
                  <a:cubicBezTo>
                    <a:pt x="35" y="87"/>
                    <a:pt x="35" y="63"/>
                    <a:pt x="35" y="39"/>
                  </a:cubicBezTo>
                  <a:cubicBezTo>
                    <a:pt x="35" y="23"/>
                    <a:pt x="49" y="11"/>
                    <a:pt x="65" y="9"/>
                  </a:cubicBezTo>
                  <a:cubicBezTo>
                    <a:pt x="163" y="0"/>
                    <a:pt x="260" y="0"/>
                    <a:pt x="358" y="9"/>
                  </a:cubicBezTo>
                  <a:cubicBezTo>
                    <a:pt x="374" y="11"/>
                    <a:pt x="388" y="23"/>
                    <a:pt x="388" y="39"/>
                  </a:cubicBezTo>
                  <a:cubicBezTo>
                    <a:pt x="388" y="63"/>
                    <a:pt x="388" y="87"/>
                    <a:pt x="388" y="111"/>
                  </a:cubicBezTo>
                  <a:cubicBezTo>
                    <a:pt x="388" y="128"/>
                    <a:pt x="374" y="139"/>
                    <a:pt x="358" y="141"/>
                  </a:cubicBezTo>
                  <a:cubicBezTo>
                    <a:pt x="323" y="145"/>
                    <a:pt x="287" y="147"/>
                    <a:pt x="252" y="148"/>
                  </a:cubicBezTo>
                  <a:cubicBezTo>
                    <a:pt x="276" y="150"/>
                    <a:pt x="299" y="151"/>
                    <a:pt x="323" y="153"/>
                  </a:cubicBezTo>
                  <a:cubicBezTo>
                    <a:pt x="339" y="155"/>
                    <a:pt x="353" y="167"/>
                    <a:pt x="353" y="183"/>
                  </a:cubicBezTo>
                  <a:lnTo>
                    <a:pt x="353" y="218"/>
                  </a:lnTo>
                  <a:cubicBezTo>
                    <a:pt x="333" y="229"/>
                    <a:pt x="314" y="242"/>
                    <a:pt x="299" y="258"/>
                  </a:cubicBezTo>
                  <a:cubicBezTo>
                    <a:pt x="289" y="268"/>
                    <a:pt x="280" y="278"/>
                    <a:pt x="272" y="290"/>
                  </a:cubicBezTo>
                  <a:cubicBezTo>
                    <a:pt x="191" y="296"/>
                    <a:pt x="111" y="294"/>
                    <a:pt x="30" y="285"/>
                  </a:cubicBezTo>
                  <a:cubicBezTo>
                    <a:pt x="13" y="283"/>
                    <a:pt x="0" y="272"/>
                    <a:pt x="0" y="255"/>
                  </a:cubicBezTo>
                  <a:cubicBezTo>
                    <a:pt x="0" y="231"/>
                    <a:pt x="0" y="207"/>
                    <a:pt x="0" y="183"/>
                  </a:cubicBezTo>
                  <a:cubicBezTo>
                    <a:pt x="0" y="167"/>
                    <a:pt x="13" y="155"/>
                    <a:pt x="30" y="15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4058910" y="3082228"/>
            <a:ext cx="1414369" cy="2104307"/>
            <a:chOff x="4058910" y="3082228"/>
            <a:chExt cx="1414369" cy="2104307"/>
          </a:xfrm>
        </p:grpSpPr>
        <p:sp>
          <p:nvSpPr>
            <p:cNvPr id="29" name="任意多边形 28"/>
            <p:cNvSpPr/>
            <p:nvPr/>
          </p:nvSpPr>
          <p:spPr>
            <a:xfrm rot="16200000">
              <a:off x="3713941" y="3427197"/>
              <a:ext cx="2104307" cy="1414369"/>
            </a:xfrm>
            <a:custGeom>
              <a:avLst/>
              <a:gdLst>
                <a:gd name="connsiteX0" fmla="*/ 2533879 w 2533879"/>
                <a:gd name="connsiteY0" fmla="*/ 851549 h 1703098"/>
                <a:gd name="connsiteX1" fmla="*/ 2100969 w 2533879"/>
                <a:gd name="connsiteY1" fmla="*/ 1703098 h 1703098"/>
                <a:gd name="connsiteX2" fmla="*/ 0 w 2533879"/>
                <a:gd name="connsiteY2" fmla="*/ 1703098 h 1703098"/>
                <a:gd name="connsiteX3" fmla="*/ 0 w 2533879"/>
                <a:gd name="connsiteY3" fmla="*/ 1701262 h 1703098"/>
                <a:gd name="connsiteX4" fmla="*/ 119769 w 2533879"/>
                <a:gd name="connsiteY4" fmla="*/ 1701262 h 1703098"/>
                <a:gd name="connsiteX5" fmla="*/ 552679 w 2533879"/>
                <a:gd name="connsiteY5" fmla="*/ 849713 h 1703098"/>
                <a:gd name="connsiteX6" fmla="*/ 120702 w 2533879"/>
                <a:gd name="connsiteY6" fmla="*/ 0 h 1703098"/>
                <a:gd name="connsiteX7" fmla="*/ 2100969 w 2533879"/>
                <a:gd name="connsiteY7" fmla="*/ 0 h 1703098"/>
                <a:gd name="connsiteX8" fmla="*/ 2533879 w 2533879"/>
                <a:gd name="connsiteY8" fmla="*/ 851549 h 170309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2533879" h="1703098">
                  <a:moveTo>
                    <a:pt x="2533879" y="851549"/>
                  </a:moveTo>
                  <a:lnTo>
                    <a:pt x="2100969" y="1703098"/>
                  </a:lnTo>
                  <a:lnTo>
                    <a:pt x="0" y="1703098"/>
                  </a:lnTo>
                  <a:lnTo>
                    <a:pt x="0" y="1701262"/>
                  </a:lnTo>
                  <a:lnTo>
                    <a:pt x="119769" y="1701262"/>
                  </a:lnTo>
                  <a:lnTo>
                    <a:pt x="552679" y="849713"/>
                  </a:lnTo>
                  <a:lnTo>
                    <a:pt x="120702" y="0"/>
                  </a:lnTo>
                  <a:lnTo>
                    <a:pt x="2100969" y="0"/>
                  </a:lnTo>
                  <a:lnTo>
                    <a:pt x="2533879" y="851549"/>
                  </a:ln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0" name="Freeform 22"/>
            <p:cNvSpPr>
              <a:spLocks noChangeAspect="1" noEditPoints="1"/>
            </p:cNvSpPr>
            <p:nvPr/>
          </p:nvSpPr>
          <p:spPr bwMode="auto">
            <a:xfrm>
              <a:off x="4548943" y="3949780"/>
              <a:ext cx="434302" cy="510020"/>
            </a:xfrm>
            <a:custGeom>
              <a:avLst/>
              <a:gdLst>
                <a:gd name="T0" fmla="*/ 90 w 641"/>
                <a:gd name="T1" fmla="*/ 424 h 748"/>
                <a:gd name="T2" fmla="*/ 158 w 641"/>
                <a:gd name="T3" fmla="*/ 424 h 748"/>
                <a:gd name="T4" fmla="*/ 205 w 641"/>
                <a:gd name="T5" fmla="*/ 408 h 748"/>
                <a:gd name="T6" fmla="*/ 291 w 641"/>
                <a:gd name="T7" fmla="*/ 588 h 748"/>
                <a:gd name="T8" fmla="*/ 312 w 641"/>
                <a:gd name="T9" fmla="*/ 475 h 748"/>
                <a:gd name="T10" fmla="*/ 297 w 641"/>
                <a:gd name="T11" fmla="*/ 468 h 748"/>
                <a:gd name="T12" fmla="*/ 298 w 641"/>
                <a:gd name="T13" fmla="*/ 452 h 748"/>
                <a:gd name="T14" fmla="*/ 360 w 641"/>
                <a:gd name="T15" fmla="*/ 452 h 748"/>
                <a:gd name="T16" fmla="*/ 360 w 641"/>
                <a:gd name="T17" fmla="*/ 468 h 748"/>
                <a:gd name="T18" fmla="*/ 346 w 641"/>
                <a:gd name="T19" fmla="*/ 475 h 748"/>
                <a:gd name="T20" fmla="*/ 365 w 641"/>
                <a:gd name="T21" fmla="*/ 583 h 748"/>
                <a:gd name="T22" fmla="*/ 439 w 641"/>
                <a:gd name="T23" fmla="*/ 415 h 748"/>
                <a:gd name="T24" fmla="*/ 482 w 641"/>
                <a:gd name="T25" fmla="*/ 420 h 748"/>
                <a:gd name="T26" fmla="*/ 545 w 641"/>
                <a:gd name="T27" fmla="*/ 420 h 748"/>
                <a:gd name="T28" fmla="*/ 632 w 641"/>
                <a:gd name="T29" fmla="*/ 691 h 748"/>
                <a:gd name="T30" fmla="*/ 544 w 641"/>
                <a:gd name="T31" fmla="*/ 722 h 748"/>
                <a:gd name="T32" fmla="*/ 532 w 641"/>
                <a:gd name="T33" fmla="*/ 681 h 748"/>
                <a:gd name="T34" fmla="*/ 504 w 641"/>
                <a:gd name="T35" fmla="*/ 729 h 748"/>
                <a:gd name="T36" fmla="*/ 123 w 641"/>
                <a:gd name="T37" fmla="*/ 731 h 748"/>
                <a:gd name="T38" fmla="*/ 94 w 641"/>
                <a:gd name="T39" fmla="*/ 681 h 748"/>
                <a:gd name="T40" fmla="*/ 81 w 641"/>
                <a:gd name="T41" fmla="*/ 724 h 748"/>
                <a:gd name="T42" fmla="*/ 0 w 641"/>
                <a:gd name="T43" fmla="*/ 691 h 748"/>
                <a:gd name="T44" fmla="*/ 90 w 641"/>
                <a:gd name="T45" fmla="*/ 424 h 748"/>
                <a:gd name="T46" fmla="*/ 185 w 641"/>
                <a:gd name="T47" fmla="*/ 289 h 748"/>
                <a:gd name="T48" fmla="*/ 185 w 641"/>
                <a:gd name="T49" fmla="*/ 289 h 748"/>
                <a:gd name="T50" fmla="*/ 163 w 641"/>
                <a:gd name="T51" fmla="*/ 264 h 748"/>
                <a:gd name="T52" fmla="*/ 155 w 641"/>
                <a:gd name="T53" fmla="*/ 214 h 748"/>
                <a:gd name="T54" fmla="*/ 155 w 641"/>
                <a:gd name="T55" fmla="*/ 207 h 748"/>
                <a:gd name="T56" fmla="*/ 160 w 641"/>
                <a:gd name="T57" fmla="*/ 204 h 748"/>
                <a:gd name="T58" fmla="*/ 164 w 641"/>
                <a:gd name="T59" fmla="*/ 202 h 748"/>
                <a:gd name="T60" fmla="*/ 199 w 641"/>
                <a:gd name="T61" fmla="*/ 47 h 748"/>
                <a:gd name="T62" fmla="*/ 423 w 641"/>
                <a:gd name="T63" fmla="*/ 43 h 748"/>
                <a:gd name="T64" fmla="*/ 466 w 641"/>
                <a:gd name="T65" fmla="*/ 200 h 748"/>
                <a:gd name="T66" fmla="*/ 472 w 641"/>
                <a:gd name="T67" fmla="*/ 204 h 748"/>
                <a:gd name="T68" fmla="*/ 478 w 641"/>
                <a:gd name="T69" fmla="*/ 207 h 748"/>
                <a:gd name="T70" fmla="*/ 478 w 641"/>
                <a:gd name="T71" fmla="*/ 214 h 748"/>
                <a:gd name="T72" fmla="*/ 471 w 641"/>
                <a:gd name="T73" fmla="*/ 263 h 748"/>
                <a:gd name="T74" fmla="*/ 449 w 641"/>
                <a:gd name="T75" fmla="*/ 288 h 748"/>
                <a:gd name="T76" fmla="*/ 328 w 641"/>
                <a:gd name="T77" fmla="*/ 397 h 748"/>
                <a:gd name="T78" fmla="*/ 299 w 641"/>
                <a:gd name="T79" fmla="*/ 395 h 748"/>
                <a:gd name="T80" fmla="*/ 185 w 641"/>
                <a:gd name="T81" fmla="*/ 289 h 7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641" h="748">
                  <a:moveTo>
                    <a:pt x="90" y="424"/>
                  </a:moveTo>
                  <a:cubicBezTo>
                    <a:pt x="114" y="424"/>
                    <a:pt x="137" y="424"/>
                    <a:pt x="158" y="424"/>
                  </a:cubicBezTo>
                  <a:cubicBezTo>
                    <a:pt x="178" y="425"/>
                    <a:pt x="194" y="421"/>
                    <a:pt x="205" y="408"/>
                  </a:cubicBezTo>
                  <a:lnTo>
                    <a:pt x="291" y="588"/>
                  </a:lnTo>
                  <a:lnTo>
                    <a:pt x="312" y="475"/>
                  </a:lnTo>
                  <a:lnTo>
                    <a:pt x="297" y="468"/>
                  </a:lnTo>
                  <a:lnTo>
                    <a:pt x="298" y="452"/>
                  </a:lnTo>
                  <a:lnTo>
                    <a:pt x="360" y="452"/>
                  </a:lnTo>
                  <a:lnTo>
                    <a:pt x="360" y="468"/>
                  </a:lnTo>
                  <a:lnTo>
                    <a:pt x="346" y="475"/>
                  </a:lnTo>
                  <a:lnTo>
                    <a:pt x="365" y="583"/>
                  </a:lnTo>
                  <a:lnTo>
                    <a:pt x="439" y="415"/>
                  </a:lnTo>
                  <a:cubicBezTo>
                    <a:pt x="450" y="420"/>
                    <a:pt x="464" y="422"/>
                    <a:pt x="482" y="420"/>
                  </a:cubicBezTo>
                  <a:cubicBezTo>
                    <a:pt x="502" y="420"/>
                    <a:pt x="523" y="420"/>
                    <a:pt x="545" y="420"/>
                  </a:cubicBezTo>
                  <a:cubicBezTo>
                    <a:pt x="604" y="475"/>
                    <a:pt x="641" y="606"/>
                    <a:pt x="632" y="691"/>
                  </a:cubicBezTo>
                  <a:cubicBezTo>
                    <a:pt x="614" y="704"/>
                    <a:pt x="583" y="714"/>
                    <a:pt x="544" y="722"/>
                  </a:cubicBezTo>
                  <a:lnTo>
                    <a:pt x="532" y="681"/>
                  </a:lnTo>
                  <a:lnTo>
                    <a:pt x="504" y="729"/>
                  </a:lnTo>
                  <a:cubicBezTo>
                    <a:pt x="390" y="746"/>
                    <a:pt x="233" y="748"/>
                    <a:pt x="123" y="731"/>
                  </a:cubicBezTo>
                  <a:lnTo>
                    <a:pt x="94" y="681"/>
                  </a:lnTo>
                  <a:lnTo>
                    <a:pt x="81" y="724"/>
                  </a:lnTo>
                  <a:cubicBezTo>
                    <a:pt x="43" y="716"/>
                    <a:pt x="14" y="705"/>
                    <a:pt x="0" y="691"/>
                  </a:cubicBezTo>
                  <a:cubicBezTo>
                    <a:pt x="1" y="616"/>
                    <a:pt x="15" y="489"/>
                    <a:pt x="90" y="424"/>
                  </a:cubicBezTo>
                  <a:close/>
                  <a:moveTo>
                    <a:pt x="185" y="289"/>
                  </a:moveTo>
                  <a:lnTo>
                    <a:pt x="185" y="289"/>
                  </a:lnTo>
                  <a:cubicBezTo>
                    <a:pt x="175" y="284"/>
                    <a:pt x="168" y="275"/>
                    <a:pt x="163" y="264"/>
                  </a:cubicBezTo>
                  <a:cubicBezTo>
                    <a:pt x="157" y="251"/>
                    <a:pt x="155" y="234"/>
                    <a:pt x="155" y="214"/>
                  </a:cubicBezTo>
                  <a:lnTo>
                    <a:pt x="155" y="207"/>
                  </a:lnTo>
                  <a:lnTo>
                    <a:pt x="160" y="204"/>
                  </a:lnTo>
                  <a:cubicBezTo>
                    <a:pt x="162" y="203"/>
                    <a:pt x="163" y="202"/>
                    <a:pt x="164" y="202"/>
                  </a:cubicBezTo>
                  <a:cubicBezTo>
                    <a:pt x="152" y="117"/>
                    <a:pt x="162" y="78"/>
                    <a:pt x="199" y="47"/>
                  </a:cubicBezTo>
                  <a:cubicBezTo>
                    <a:pt x="256" y="0"/>
                    <a:pt x="365" y="0"/>
                    <a:pt x="423" y="43"/>
                  </a:cubicBezTo>
                  <a:cubicBezTo>
                    <a:pt x="463" y="72"/>
                    <a:pt x="477" y="123"/>
                    <a:pt x="466" y="200"/>
                  </a:cubicBezTo>
                  <a:cubicBezTo>
                    <a:pt x="468" y="201"/>
                    <a:pt x="470" y="202"/>
                    <a:pt x="472" y="204"/>
                  </a:cubicBezTo>
                  <a:lnTo>
                    <a:pt x="478" y="207"/>
                  </a:lnTo>
                  <a:lnTo>
                    <a:pt x="478" y="214"/>
                  </a:lnTo>
                  <a:cubicBezTo>
                    <a:pt x="478" y="233"/>
                    <a:pt x="476" y="250"/>
                    <a:pt x="471" y="263"/>
                  </a:cubicBezTo>
                  <a:cubicBezTo>
                    <a:pt x="466" y="275"/>
                    <a:pt x="459" y="283"/>
                    <a:pt x="449" y="288"/>
                  </a:cubicBezTo>
                  <a:cubicBezTo>
                    <a:pt x="434" y="338"/>
                    <a:pt x="381" y="392"/>
                    <a:pt x="328" y="397"/>
                  </a:cubicBezTo>
                  <a:cubicBezTo>
                    <a:pt x="319" y="398"/>
                    <a:pt x="308" y="398"/>
                    <a:pt x="299" y="395"/>
                  </a:cubicBezTo>
                  <a:cubicBezTo>
                    <a:pt x="241" y="374"/>
                    <a:pt x="203" y="350"/>
                    <a:pt x="185" y="289"/>
                  </a:cubicBezTo>
                  <a:close/>
                </a:path>
              </a:pathLst>
            </a:custGeom>
            <a:solidFill>
              <a:srgbClr val="FEFEFE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1457932" y="2075819"/>
            <a:ext cx="1427270" cy="1614828"/>
            <a:chOff x="1457932" y="2075819"/>
            <a:chExt cx="1427270" cy="1614828"/>
          </a:xfrm>
        </p:grpSpPr>
        <p:sp>
          <p:nvSpPr>
            <p:cNvPr id="44" name="任意多边形 43"/>
            <p:cNvSpPr/>
            <p:nvPr/>
          </p:nvSpPr>
          <p:spPr>
            <a:xfrm>
              <a:off x="1457932" y="2075819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5" name="矩形 44"/>
            <p:cNvSpPr/>
            <p:nvPr/>
          </p:nvSpPr>
          <p:spPr>
            <a:xfrm>
              <a:off x="1726309" y="2447475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6" name="组合 45"/>
          <p:cNvGrpSpPr/>
          <p:nvPr/>
        </p:nvGrpSpPr>
        <p:grpSpPr>
          <a:xfrm>
            <a:off x="4058908" y="2075818"/>
            <a:ext cx="1427270" cy="1614828"/>
            <a:chOff x="4058908" y="2075818"/>
            <a:chExt cx="1427270" cy="1614828"/>
          </a:xfrm>
        </p:grpSpPr>
        <p:sp>
          <p:nvSpPr>
            <p:cNvPr id="47" name="任意多边形 46"/>
            <p:cNvSpPr/>
            <p:nvPr/>
          </p:nvSpPr>
          <p:spPr>
            <a:xfrm>
              <a:off x="4058908" y="2075818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8" name="矩形 47"/>
            <p:cNvSpPr/>
            <p:nvPr/>
          </p:nvSpPr>
          <p:spPr>
            <a:xfrm>
              <a:off x="4314937" y="2447474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49" name="组合 48"/>
          <p:cNvGrpSpPr/>
          <p:nvPr/>
        </p:nvGrpSpPr>
        <p:grpSpPr>
          <a:xfrm>
            <a:off x="6672784" y="2075819"/>
            <a:ext cx="1427270" cy="1614828"/>
            <a:chOff x="6672784" y="2075819"/>
            <a:chExt cx="1427270" cy="1614828"/>
          </a:xfrm>
        </p:grpSpPr>
        <p:sp>
          <p:nvSpPr>
            <p:cNvPr id="50" name="任意多边形 49"/>
            <p:cNvSpPr/>
            <p:nvPr/>
          </p:nvSpPr>
          <p:spPr>
            <a:xfrm>
              <a:off x="6672784" y="2075819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1" name="矩形 50"/>
            <p:cNvSpPr/>
            <p:nvPr/>
          </p:nvSpPr>
          <p:spPr>
            <a:xfrm>
              <a:off x="6953786" y="2447474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52" name="组合 51"/>
          <p:cNvGrpSpPr/>
          <p:nvPr/>
        </p:nvGrpSpPr>
        <p:grpSpPr>
          <a:xfrm>
            <a:off x="9299559" y="2075818"/>
            <a:ext cx="1427270" cy="1614828"/>
            <a:chOff x="9299559" y="2075818"/>
            <a:chExt cx="1427270" cy="1614828"/>
          </a:xfrm>
        </p:grpSpPr>
        <p:sp>
          <p:nvSpPr>
            <p:cNvPr id="53" name="任意多边形 52"/>
            <p:cNvSpPr/>
            <p:nvPr/>
          </p:nvSpPr>
          <p:spPr>
            <a:xfrm>
              <a:off x="9299559" y="2075818"/>
              <a:ext cx="1427270" cy="1614828"/>
            </a:xfrm>
            <a:custGeom>
              <a:avLst/>
              <a:gdLst>
                <a:gd name="connsiteX0" fmla="*/ 859316 w 1718632"/>
                <a:gd name="connsiteY0" fmla="*/ 0 h 1944478"/>
                <a:gd name="connsiteX1" fmla="*/ 1718632 w 1718632"/>
                <a:gd name="connsiteY1" fmla="*/ 859316 h 1944478"/>
                <a:gd name="connsiteX2" fmla="*/ 947176 w 1718632"/>
                <a:gd name="connsiteY2" fmla="*/ 1714196 h 1944478"/>
                <a:gd name="connsiteX3" fmla="*/ 945854 w 1718632"/>
                <a:gd name="connsiteY3" fmla="*/ 1714262 h 1944478"/>
                <a:gd name="connsiteX4" fmla="*/ 851548 w 1718632"/>
                <a:gd name="connsiteY4" fmla="*/ 1944478 h 1944478"/>
                <a:gd name="connsiteX5" fmla="*/ 756266 w 1718632"/>
                <a:gd name="connsiteY5" fmla="*/ 1711877 h 1944478"/>
                <a:gd name="connsiteX6" fmla="*/ 686134 w 1718632"/>
                <a:gd name="connsiteY6" fmla="*/ 1701174 h 1944478"/>
                <a:gd name="connsiteX7" fmla="*/ 0 w 1718632"/>
                <a:gd name="connsiteY7" fmla="*/ 859316 h 1944478"/>
                <a:gd name="connsiteX8" fmla="*/ 859316 w 1718632"/>
                <a:gd name="connsiteY8" fmla="*/ 0 h 1944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</a:cxnLst>
              <a:rect l="l" t="t" r="r" b="b"/>
              <a:pathLst>
                <a:path w="1718632" h="1944478">
                  <a:moveTo>
                    <a:pt x="859316" y="0"/>
                  </a:moveTo>
                  <a:cubicBezTo>
                    <a:pt x="1333903" y="0"/>
                    <a:pt x="1718632" y="384729"/>
                    <a:pt x="1718632" y="859316"/>
                  </a:cubicBezTo>
                  <a:cubicBezTo>
                    <a:pt x="1718632" y="1304241"/>
                    <a:pt x="1380491" y="1670190"/>
                    <a:pt x="947176" y="1714196"/>
                  </a:cubicBezTo>
                  <a:lnTo>
                    <a:pt x="945854" y="1714262"/>
                  </a:lnTo>
                  <a:lnTo>
                    <a:pt x="851548" y="1944478"/>
                  </a:lnTo>
                  <a:lnTo>
                    <a:pt x="756266" y="1711877"/>
                  </a:lnTo>
                  <a:lnTo>
                    <a:pt x="686134" y="1701174"/>
                  </a:lnTo>
                  <a:cubicBezTo>
                    <a:pt x="294558" y="1621046"/>
                    <a:pt x="0" y="1274580"/>
                    <a:pt x="0" y="859316"/>
                  </a:cubicBezTo>
                  <a:cubicBezTo>
                    <a:pt x="0" y="384729"/>
                    <a:pt x="384729" y="0"/>
                    <a:pt x="859316" y="0"/>
                  </a:cubicBezTo>
                  <a:close/>
                </a:path>
              </a:pathLst>
            </a:custGeom>
            <a:gradFill>
              <a:gsLst>
                <a:gs pos="0">
                  <a:srgbClr val="E2DDE1"/>
                </a:gs>
                <a:gs pos="76000">
                  <a:schemeClr val="bg1">
                    <a:lumMod val="95000"/>
                  </a:schemeClr>
                </a:gs>
              </a:gsLst>
              <a:lin ang="7800000" scaled="0"/>
            </a:gradFill>
            <a:ln w="15875">
              <a:gradFill>
                <a:gsLst>
                  <a:gs pos="0">
                    <a:schemeClr val="bg1">
                      <a:lumMod val="95000"/>
                    </a:schemeClr>
                  </a:gs>
                  <a:gs pos="100000">
                    <a:schemeClr val="bg1"/>
                  </a:gs>
                </a:gsLst>
                <a:lin ang="18600000" scaled="0"/>
              </a:gra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4" name="矩形 53"/>
            <p:cNvSpPr/>
            <p:nvPr/>
          </p:nvSpPr>
          <p:spPr>
            <a:xfrm>
              <a:off x="9555861" y="2447473"/>
              <a:ext cx="890516" cy="7694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400" b="1" dirty="0">
                  <a:solidFill>
                    <a:schemeClr val="tx1">
                      <a:lumMod val="65000"/>
                      <a:lumOff val="35000"/>
                    </a:schemeClr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44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781024927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7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750"/>
                            </p:stCondLst>
                            <p:childTnLst>
                              <p:par>
                                <p:cTn id="26" presetID="2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25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25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25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8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0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5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3500"/>
                            </p:stCondLst>
                            <p:childTnLst>
                              <p:par>
                                <p:cTn id="6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0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3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5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6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  <p:bldP spid="16" grpId="0"/>
      <p:bldP spid="17" grpId="0"/>
      <p:bldP spid="18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511269" y="3182146"/>
            <a:ext cx="1990108" cy="1724375"/>
            <a:chOff x="3511269" y="2971130"/>
            <a:chExt cx="1990108" cy="1724375"/>
          </a:xfrm>
        </p:grpSpPr>
        <p:sp>
          <p:nvSpPr>
            <p:cNvPr id="16" name="Freeform 28"/>
            <p:cNvSpPr>
              <a:spLocks/>
            </p:cNvSpPr>
            <p:nvPr/>
          </p:nvSpPr>
          <p:spPr bwMode="auto">
            <a:xfrm>
              <a:off x="3511269" y="2971130"/>
              <a:ext cx="1990108" cy="1724375"/>
            </a:xfrm>
            <a:custGeom>
              <a:avLst/>
              <a:gdLst>
                <a:gd name="T0" fmla="*/ 344 w 1378"/>
                <a:gd name="T1" fmla="*/ 1194 h 1194"/>
                <a:gd name="T2" fmla="*/ 0 w 1378"/>
                <a:gd name="T3" fmla="*/ 597 h 1194"/>
                <a:gd name="T4" fmla="*/ 344 w 1378"/>
                <a:gd name="T5" fmla="*/ 0 h 1194"/>
                <a:gd name="T6" fmla="*/ 1033 w 1378"/>
                <a:gd name="T7" fmla="*/ 0 h 1194"/>
                <a:gd name="T8" fmla="*/ 1378 w 1378"/>
                <a:gd name="T9" fmla="*/ 597 h 1194"/>
                <a:gd name="T10" fmla="*/ 1033 w 1378"/>
                <a:gd name="T11" fmla="*/ 1194 h 1194"/>
                <a:gd name="T12" fmla="*/ 344 w 1378"/>
                <a:gd name="T13" fmla="*/ 1194 h 11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8" h="1194">
                  <a:moveTo>
                    <a:pt x="344" y="1194"/>
                  </a:moveTo>
                  <a:lnTo>
                    <a:pt x="0" y="597"/>
                  </a:lnTo>
                  <a:lnTo>
                    <a:pt x="344" y="0"/>
                  </a:lnTo>
                  <a:lnTo>
                    <a:pt x="1033" y="0"/>
                  </a:lnTo>
                  <a:lnTo>
                    <a:pt x="1378" y="597"/>
                  </a:lnTo>
                  <a:lnTo>
                    <a:pt x="1033" y="1194"/>
                  </a:lnTo>
                  <a:lnTo>
                    <a:pt x="344" y="1194"/>
                  </a:ln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7" name="矩形 16"/>
            <p:cNvSpPr/>
            <p:nvPr/>
          </p:nvSpPr>
          <p:spPr>
            <a:xfrm>
              <a:off x="4134735" y="3417818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5117220" y="2254970"/>
            <a:ext cx="1991552" cy="1721486"/>
            <a:chOff x="5117220" y="2043954"/>
            <a:chExt cx="1991552" cy="1721486"/>
          </a:xfrm>
        </p:grpSpPr>
        <p:sp>
          <p:nvSpPr>
            <p:cNvPr id="19" name="Freeform 27"/>
            <p:cNvSpPr>
              <a:spLocks/>
            </p:cNvSpPr>
            <p:nvPr/>
          </p:nvSpPr>
          <p:spPr bwMode="auto">
            <a:xfrm>
              <a:off x="5117220" y="2043954"/>
              <a:ext cx="1991552" cy="1721486"/>
            </a:xfrm>
            <a:custGeom>
              <a:avLst/>
              <a:gdLst>
                <a:gd name="T0" fmla="*/ 345 w 1379"/>
                <a:gd name="T1" fmla="*/ 1192 h 1192"/>
                <a:gd name="T2" fmla="*/ 0 w 1379"/>
                <a:gd name="T3" fmla="*/ 597 h 1192"/>
                <a:gd name="T4" fmla="*/ 345 w 1379"/>
                <a:gd name="T5" fmla="*/ 0 h 1192"/>
                <a:gd name="T6" fmla="*/ 1034 w 1379"/>
                <a:gd name="T7" fmla="*/ 0 h 1192"/>
                <a:gd name="T8" fmla="*/ 1379 w 1379"/>
                <a:gd name="T9" fmla="*/ 597 h 1192"/>
                <a:gd name="T10" fmla="*/ 1034 w 1379"/>
                <a:gd name="T11" fmla="*/ 1192 h 1192"/>
                <a:gd name="T12" fmla="*/ 345 w 1379"/>
                <a:gd name="T13" fmla="*/ 1192 h 11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9" h="1192">
                  <a:moveTo>
                    <a:pt x="345" y="1192"/>
                  </a:moveTo>
                  <a:lnTo>
                    <a:pt x="0" y="597"/>
                  </a:lnTo>
                  <a:lnTo>
                    <a:pt x="345" y="0"/>
                  </a:lnTo>
                  <a:lnTo>
                    <a:pt x="1034" y="0"/>
                  </a:lnTo>
                  <a:lnTo>
                    <a:pt x="1379" y="597"/>
                  </a:lnTo>
                  <a:lnTo>
                    <a:pt x="1034" y="1192"/>
                  </a:lnTo>
                  <a:lnTo>
                    <a:pt x="345" y="1192"/>
                  </a:ln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20" name="矩形 19"/>
            <p:cNvSpPr/>
            <p:nvPr/>
          </p:nvSpPr>
          <p:spPr>
            <a:xfrm>
              <a:off x="5732020" y="2489198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1" name="组合 20"/>
          <p:cNvGrpSpPr/>
          <p:nvPr/>
        </p:nvGrpSpPr>
        <p:grpSpPr>
          <a:xfrm>
            <a:off x="5117220" y="4083327"/>
            <a:ext cx="1991552" cy="1724375"/>
            <a:chOff x="5117220" y="3872311"/>
            <a:chExt cx="1991552" cy="1724375"/>
          </a:xfrm>
        </p:grpSpPr>
        <p:sp>
          <p:nvSpPr>
            <p:cNvPr id="22" name="Freeform 26"/>
            <p:cNvSpPr>
              <a:spLocks/>
            </p:cNvSpPr>
            <p:nvPr/>
          </p:nvSpPr>
          <p:spPr bwMode="auto">
            <a:xfrm>
              <a:off x="5117220" y="3872311"/>
              <a:ext cx="1991552" cy="1724375"/>
            </a:xfrm>
            <a:custGeom>
              <a:avLst/>
              <a:gdLst>
                <a:gd name="T0" fmla="*/ 345 w 1379"/>
                <a:gd name="T1" fmla="*/ 1194 h 1194"/>
                <a:gd name="T2" fmla="*/ 0 w 1379"/>
                <a:gd name="T3" fmla="*/ 597 h 1194"/>
                <a:gd name="T4" fmla="*/ 345 w 1379"/>
                <a:gd name="T5" fmla="*/ 0 h 1194"/>
                <a:gd name="T6" fmla="*/ 1034 w 1379"/>
                <a:gd name="T7" fmla="*/ 0 h 1194"/>
                <a:gd name="T8" fmla="*/ 1379 w 1379"/>
                <a:gd name="T9" fmla="*/ 597 h 1194"/>
                <a:gd name="T10" fmla="*/ 1034 w 1379"/>
                <a:gd name="T11" fmla="*/ 1194 h 1194"/>
                <a:gd name="T12" fmla="*/ 345 w 1379"/>
                <a:gd name="T13" fmla="*/ 1194 h 11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9" h="1194">
                  <a:moveTo>
                    <a:pt x="345" y="1194"/>
                  </a:moveTo>
                  <a:lnTo>
                    <a:pt x="0" y="597"/>
                  </a:lnTo>
                  <a:lnTo>
                    <a:pt x="345" y="0"/>
                  </a:lnTo>
                  <a:lnTo>
                    <a:pt x="1034" y="0"/>
                  </a:lnTo>
                  <a:lnTo>
                    <a:pt x="1379" y="597"/>
                  </a:lnTo>
                  <a:lnTo>
                    <a:pt x="1034" y="1194"/>
                  </a:lnTo>
                  <a:lnTo>
                    <a:pt x="345" y="1194"/>
                  </a:ln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23" name="矩形 22"/>
            <p:cNvSpPr/>
            <p:nvPr/>
          </p:nvSpPr>
          <p:spPr>
            <a:xfrm>
              <a:off x="5721911" y="4318999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6704396" y="3182146"/>
            <a:ext cx="1988664" cy="1724375"/>
            <a:chOff x="6704396" y="2971130"/>
            <a:chExt cx="1988664" cy="1724375"/>
          </a:xfrm>
        </p:grpSpPr>
        <p:sp>
          <p:nvSpPr>
            <p:cNvPr id="25" name="Freeform 29"/>
            <p:cNvSpPr>
              <a:spLocks/>
            </p:cNvSpPr>
            <p:nvPr/>
          </p:nvSpPr>
          <p:spPr bwMode="auto">
            <a:xfrm>
              <a:off x="6704396" y="2971130"/>
              <a:ext cx="1988664" cy="1724375"/>
            </a:xfrm>
            <a:custGeom>
              <a:avLst/>
              <a:gdLst>
                <a:gd name="T0" fmla="*/ 345 w 1377"/>
                <a:gd name="T1" fmla="*/ 1194 h 1194"/>
                <a:gd name="T2" fmla="*/ 0 w 1377"/>
                <a:gd name="T3" fmla="*/ 597 h 1194"/>
                <a:gd name="T4" fmla="*/ 345 w 1377"/>
                <a:gd name="T5" fmla="*/ 0 h 1194"/>
                <a:gd name="T6" fmla="*/ 1033 w 1377"/>
                <a:gd name="T7" fmla="*/ 0 h 1194"/>
                <a:gd name="T8" fmla="*/ 1377 w 1377"/>
                <a:gd name="T9" fmla="*/ 597 h 1194"/>
                <a:gd name="T10" fmla="*/ 1033 w 1377"/>
                <a:gd name="T11" fmla="*/ 1194 h 1194"/>
                <a:gd name="T12" fmla="*/ 345 w 1377"/>
                <a:gd name="T13" fmla="*/ 1194 h 119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377" h="1194">
                  <a:moveTo>
                    <a:pt x="345" y="1194"/>
                  </a:moveTo>
                  <a:lnTo>
                    <a:pt x="0" y="597"/>
                  </a:lnTo>
                  <a:lnTo>
                    <a:pt x="345" y="0"/>
                  </a:lnTo>
                  <a:lnTo>
                    <a:pt x="1033" y="0"/>
                  </a:lnTo>
                  <a:lnTo>
                    <a:pt x="1377" y="597"/>
                  </a:lnTo>
                  <a:lnTo>
                    <a:pt x="1033" y="1194"/>
                  </a:lnTo>
                  <a:lnTo>
                    <a:pt x="345" y="1194"/>
                  </a:ln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26" name="矩形 25"/>
            <p:cNvSpPr/>
            <p:nvPr/>
          </p:nvSpPr>
          <p:spPr>
            <a:xfrm>
              <a:off x="7317752" y="3417818"/>
              <a:ext cx="761951" cy="83099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4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4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sp>
        <p:nvSpPr>
          <p:cNvPr id="27" name="文本框 26"/>
          <p:cNvSpPr txBox="1"/>
          <p:nvPr/>
        </p:nvSpPr>
        <p:spPr>
          <a:xfrm>
            <a:off x="8842518" y="460305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8" name="文本框 27"/>
          <p:cNvSpPr txBox="1"/>
          <p:nvPr/>
        </p:nvSpPr>
        <p:spPr>
          <a:xfrm>
            <a:off x="985323" y="214046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9" name="文本框 28"/>
          <p:cNvSpPr txBox="1"/>
          <p:nvPr/>
        </p:nvSpPr>
        <p:spPr>
          <a:xfrm>
            <a:off x="1037517" y="4603054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1600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0" name="文本框 29"/>
          <p:cNvSpPr txBox="1"/>
          <p:nvPr/>
        </p:nvSpPr>
        <p:spPr>
          <a:xfrm>
            <a:off x="8842518" y="2162149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623966577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:a14="http://schemas.microsoft.com/office/drawing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8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38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75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7" grpId="0"/>
      <p:bldP spid="28" grpId="0"/>
      <p:bldP spid="29" grpId="0"/>
      <p:bldP spid="30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28" name="图片 27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20" y="851457"/>
            <a:ext cx="440845" cy="623837"/>
          </a:xfrm>
          <a:prstGeom prst="rect">
            <a:avLst/>
          </a:prstGeom>
        </p:spPr>
      </p:pic>
      <p:grpSp>
        <p:nvGrpSpPr>
          <p:cNvPr id="29" name="组合 28"/>
          <p:cNvGrpSpPr/>
          <p:nvPr/>
        </p:nvGrpSpPr>
        <p:grpSpPr>
          <a:xfrm>
            <a:off x="6662848" y="942937"/>
            <a:ext cx="3578087" cy="516834"/>
            <a:chOff x="7553738" y="2050705"/>
            <a:chExt cx="3578087" cy="516834"/>
          </a:xfrm>
        </p:grpSpPr>
        <p:sp>
          <p:nvSpPr>
            <p:cNvPr id="30" name="圆角矩形 29"/>
            <p:cNvSpPr/>
            <p:nvPr/>
          </p:nvSpPr>
          <p:spPr>
            <a:xfrm>
              <a:off x="7553738" y="2050705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1" name="文本框 30"/>
            <p:cNvSpPr txBox="1"/>
            <p:nvPr/>
          </p:nvSpPr>
          <p:spPr>
            <a:xfrm>
              <a:off x="7891956" y="2065037"/>
              <a:ext cx="1422184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Enter the title</a:t>
              </a:r>
            </a:p>
          </p:txBody>
        </p:sp>
      </p:grpSp>
      <p:grpSp>
        <p:nvGrpSpPr>
          <p:cNvPr id="32" name="组合 31"/>
          <p:cNvGrpSpPr/>
          <p:nvPr/>
        </p:nvGrpSpPr>
        <p:grpSpPr>
          <a:xfrm>
            <a:off x="6662848" y="1822375"/>
            <a:ext cx="3578087" cy="516834"/>
            <a:chOff x="7553738" y="2930980"/>
            <a:chExt cx="3578087" cy="516834"/>
          </a:xfrm>
        </p:grpSpPr>
        <p:sp>
          <p:nvSpPr>
            <p:cNvPr id="33" name="圆角矩形 32"/>
            <p:cNvSpPr/>
            <p:nvPr/>
          </p:nvSpPr>
          <p:spPr>
            <a:xfrm>
              <a:off x="7553738" y="2930980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4" name="文本框 33"/>
            <p:cNvSpPr txBox="1"/>
            <p:nvPr/>
          </p:nvSpPr>
          <p:spPr>
            <a:xfrm>
              <a:off x="7891956" y="2932060"/>
              <a:ext cx="1422184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Enter the title</a:t>
              </a:r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6662848" y="2775507"/>
            <a:ext cx="3578087" cy="516834"/>
            <a:chOff x="7553738" y="3789239"/>
            <a:chExt cx="3578087" cy="516834"/>
          </a:xfrm>
        </p:grpSpPr>
        <p:sp>
          <p:nvSpPr>
            <p:cNvPr id="36" name="圆角矩形 35"/>
            <p:cNvSpPr/>
            <p:nvPr/>
          </p:nvSpPr>
          <p:spPr>
            <a:xfrm>
              <a:off x="7553738" y="3789239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37" name="文本框 36"/>
            <p:cNvSpPr txBox="1"/>
            <p:nvPr/>
          </p:nvSpPr>
          <p:spPr>
            <a:xfrm>
              <a:off x="7891955" y="3798003"/>
              <a:ext cx="1422184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Enter the title</a:t>
              </a:r>
            </a:p>
          </p:txBody>
        </p:sp>
      </p:grpSp>
      <p:grpSp>
        <p:nvGrpSpPr>
          <p:cNvPr id="38" name="组合 37"/>
          <p:cNvGrpSpPr/>
          <p:nvPr/>
        </p:nvGrpSpPr>
        <p:grpSpPr>
          <a:xfrm>
            <a:off x="6657806" y="3694479"/>
            <a:ext cx="3578087" cy="522098"/>
            <a:chOff x="7553738" y="4664250"/>
            <a:chExt cx="3578087" cy="522098"/>
          </a:xfrm>
        </p:grpSpPr>
        <p:sp>
          <p:nvSpPr>
            <p:cNvPr id="39" name="圆角矩形 38"/>
            <p:cNvSpPr/>
            <p:nvPr/>
          </p:nvSpPr>
          <p:spPr>
            <a:xfrm>
              <a:off x="7553738" y="4669514"/>
              <a:ext cx="3578087" cy="516834"/>
            </a:xfrm>
            <a:prstGeom prst="roundRect">
              <a:avLst>
                <a:gd name="adj" fmla="val 29488"/>
              </a:avLst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文本框 39"/>
            <p:cNvSpPr txBox="1"/>
            <p:nvPr/>
          </p:nvSpPr>
          <p:spPr>
            <a:xfrm>
              <a:off x="7891955" y="4664250"/>
              <a:ext cx="1422184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defTabSz="1218804">
                <a:defRPr/>
              </a:pPr>
              <a:r>
                <a:rPr lang="zh-CN" altLang="en-US" sz="2400" b="1" kern="0" dirty="0">
                  <a:solidFill>
                    <a:schemeClr val="bg1"/>
                  </a:solidFill>
                  <a:latin typeface="幼圆" panose="02010509060101010101" pitchFamily="49" charset="-122"/>
                  <a:ea typeface="幼圆" panose="02010509060101010101" pitchFamily="49" charset="-122"/>
                </a:rPr>
                <a:t>Enter the title</a:t>
              </a:r>
            </a:p>
          </p:txBody>
        </p:sp>
      </p:grpSp>
      <p:pic>
        <p:nvPicPr>
          <p:cNvPr id="41" name="图片 40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18" y="1813482"/>
            <a:ext cx="440845" cy="623837"/>
          </a:xfrm>
          <a:prstGeom prst="rect">
            <a:avLst/>
          </a:prstGeom>
        </p:spPr>
      </p:pic>
      <p:pic>
        <p:nvPicPr>
          <p:cNvPr id="42" name="图片 41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18" y="2775507"/>
            <a:ext cx="440845" cy="623837"/>
          </a:xfrm>
          <a:prstGeom prst="rect">
            <a:avLst/>
          </a:prstGeom>
        </p:spPr>
      </p:pic>
      <p:pic>
        <p:nvPicPr>
          <p:cNvPr id="43" name="图片 42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5962918" y="3694479"/>
            <a:ext cx="440845" cy="623837"/>
          </a:xfrm>
          <a:prstGeom prst="rect">
            <a:avLst/>
          </a:prstGeom>
        </p:spPr>
      </p:pic>
      <p:sp>
        <p:nvSpPr>
          <p:cNvPr id="44" name="文本框 20"/>
          <p:cNvSpPr>
            <a:spLocks noChangeArrowheads="1"/>
          </p:cNvSpPr>
          <p:nvPr/>
        </p:nvSpPr>
        <p:spPr bwMode="auto">
          <a:xfrm>
            <a:off x="1382841" y="3523383"/>
            <a:ext cx="2736647" cy="110799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1pPr>
            <a:lvl2pPr marL="742950" indent="-28575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2pPr>
            <a:lvl3pPr marL="11430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3pPr>
            <a:lvl4pPr marL="16002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4pPr>
            <a:lvl5pPr marL="2057400" indent="-228600"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anose="020F0502020204030204" pitchFamily="34" charset="0"/>
                <a:ea typeface="SimSun" panose="02010600030101010101" pitchFamily="2" charset="-122"/>
              </a:defRPr>
            </a:lvl9pPr>
          </a:lstStyle>
          <a:p>
            <a:pPr eaLnBrk="1" hangingPunct="1"/>
            <a:r>
              <a:rPr lang="zh-CN" altLang="en-US" sz="66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  <a:sym typeface="微软雅黑" panose="020B0503020204020204" pitchFamily="34" charset="-122"/>
              </a:rPr>
              <a:t>Listings</a:t>
            </a:r>
            <a:endParaRPr lang="en-US" altLang="en-US" sz="6600" b="1" dirty="0">
              <a:solidFill>
                <a:srgbClr val="000033"/>
              </a:solidFill>
              <a:latin typeface="幼圆" panose="02010509060101010101" pitchFamily="49" charset="-122"/>
              <a:ea typeface="幼圆" panose="02010509060101010101" pitchFamily="49" charset="-122"/>
              <a:sym typeface="微软雅黑" panose="020B0503020204020204" pitchFamily="34" charset="-122"/>
            </a:endParaRPr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2124385" y="324534"/>
            <a:ext cx="2283267" cy="32310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6206976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airplane"/>
      </p:transition>
    </mc:Choice>
    <mc:Fallback xmlns:p14="http://schemas.microsoft.com/office/powerpoint/2010/main" xmlns:a14="http://schemas.microsoft.com/office/drawing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1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5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4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3250"/>
                            </p:stCondLst>
                            <p:childTnLst>
                              <p:par>
                                <p:cTn id="4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3750"/>
                            </p:stCondLst>
                            <p:childTnLst>
                              <p:par>
                                <p:cTn id="55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1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0" fill="hold">
                            <p:stCondLst>
                              <p:cond delay="4750"/>
                            </p:stCondLst>
                            <p:childTnLst>
                              <p:par>
                                <p:cTn id="61" presetID="5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63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64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65" dur="1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5750"/>
                            </p:stCondLst>
                            <p:childTnLst>
                              <p:par>
                                <p:cTn id="6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1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0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2" fill="hold">
                            <p:stCondLst>
                              <p:cond delay="6750"/>
                            </p:stCondLst>
                            <p:childTnLst>
                              <p:par>
                                <p:cTn id="7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5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7250"/>
                            </p:stCondLst>
                            <p:childTnLst>
                              <p:par>
                                <p:cTn id="7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0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1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>
                            <p:stCondLst>
                              <p:cond delay="8250"/>
                            </p:stCondLst>
                            <p:childTnLst>
                              <p:par>
                                <p:cTn id="8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85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6" fill="hold">
                            <p:stCondLst>
                              <p:cond delay="8750"/>
                            </p:stCondLst>
                            <p:childTnLst>
                              <p:par>
                                <p:cTn id="8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9" dur="1000"/>
                                        <p:tgtEl>
                                          <p:spTgt spid="4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0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1" dur="1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2" fill="hold">
                            <p:stCondLst>
                              <p:cond delay="9750"/>
                            </p:stCondLst>
                            <p:childTnLst>
                              <p:par>
                                <p:cTn id="9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95" dur="5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6" fill="hold">
                            <p:stCondLst>
                              <p:cond delay="10250"/>
                            </p:stCondLst>
                            <p:childTnLst>
                              <p:par>
                                <p:cTn id="97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9" dur="1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00" dur="1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1" dur="1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2" fill="hold">
                            <p:stCondLst>
                              <p:cond delay="11250"/>
                            </p:stCondLst>
                            <p:childTnLst>
                              <p:par>
                                <p:cTn id="103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5" dur="5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4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FF6680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4</a:t>
              </a:r>
              <a:endParaRPr lang="zh-CN" altLang="en-US" sz="6600" dirty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631086" y="2371645"/>
            <a:ext cx="2741456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Click here</a:t>
            </a:r>
            <a:endParaRPr lang="en-US" altLang="zh-CN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Enter the </a:t>
            </a:r>
            <a:endParaRPr lang="en-US" altLang="zh-CN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algn="ctr" defTabSz="1218804">
              <a:defRPr/>
            </a:pP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title</a:t>
            </a:r>
          </a:p>
        </p:txBody>
      </p:sp>
    </p:spTree>
    <p:extLst>
      <p:ext uri="{BB962C8B-B14F-4D97-AF65-F5344CB8AC3E}">
        <p14:creationId xmlns:p14="http://schemas.microsoft.com/office/powerpoint/2010/main" val="10171666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mc:AlternateContent xmlns:mc="http://schemas.openxmlformats.org/markup-compatibility/2006">
    <mc:Choice xmlns:p14="http://schemas.microsoft.com/office/powerpoint/2010/main"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15" name="任意多边形 14"/>
          <p:cNvSpPr/>
          <p:nvPr/>
        </p:nvSpPr>
        <p:spPr>
          <a:xfrm>
            <a:off x="1004608" y="2398703"/>
            <a:ext cx="4276725" cy="0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6" name="任意多边形 15"/>
          <p:cNvSpPr/>
          <p:nvPr/>
        </p:nvSpPr>
        <p:spPr>
          <a:xfrm>
            <a:off x="1004609" y="4770428"/>
            <a:ext cx="3848100" cy="82694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7" name="任意多边形 16"/>
          <p:cNvSpPr/>
          <p:nvPr/>
        </p:nvSpPr>
        <p:spPr>
          <a:xfrm>
            <a:off x="7081559" y="3383084"/>
            <a:ext cx="3848100" cy="82694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8" name="任意多边形 17"/>
          <p:cNvSpPr/>
          <p:nvPr/>
        </p:nvSpPr>
        <p:spPr>
          <a:xfrm>
            <a:off x="6395758" y="5819701"/>
            <a:ext cx="4705349" cy="141352"/>
          </a:xfrm>
          <a:custGeom>
            <a:avLst/>
            <a:gdLst>
              <a:gd name="connsiteX0" fmla="*/ 4276725 w 4276725"/>
              <a:gd name="connsiteY0" fmla="*/ 0 h 0"/>
              <a:gd name="connsiteX1" fmla="*/ 0 w 4276725"/>
              <a:gd name="connsiteY1" fmla="*/ 0 h 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</a:cxnLst>
            <a:rect l="l" t="t" r="r" b="b"/>
            <a:pathLst>
              <a:path w="4276725">
                <a:moveTo>
                  <a:pt x="4276725" y="0"/>
                </a:moveTo>
                <a:lnTo>
                  <a:pt x="0" y="0"/>
                </a:lnTo>
              </a:path>
            </a:pathLst>
          </a:custGeom>
          <a:noFill/>
          <a:ln w="12700">
            <a:solidFill>
              <a:schemeClr val="tx1">
                <a:lumMod val="50000"/>
                <a:lumOff val="50000"/>
              </a:schemeClr>
            </a:solidFill>
            <a:prstDash val="dash"/>
            <a:headEnd type="oval" w="med" len="med"/>
            <a:tailEnd type="oval" w="med" len="me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9" name="组合 18"/>
          <p:cNvGrpSpPr/>
          <p:nvPr/>
        </p:nvGrpSpPr>
        <p:grpSpPr>
          <a:xfrm>
            <a:off x="4264448" y="3383084"/>
            <a:ext cx="1339007" cy="3092320"/>
            <a:chOff x="4412365" y="3032256"/>
            <a:chExt cx="1339007" cy="3092320"/>
          </a:xfrm>
        </p:grpSpPr>
        <p:sp>
          <p:nvSpPr>
            <p:cNvPr id="20" name="任意多边形 19"/>
            <p:cNvSpPr>
              <a:spLocks/>
            </p:cNvSpPr>
            <p:nvPr/>
          </p:nvSpPr>
          <p:spPr bwMode="auto">
            <a:xfrm>
              <a:off x="4412365" y="3032256"/>
              <a:ext cx="1339007" cy="3092320"/>
            </a:xfrm>
            <a:custGeom>
              <a:avLst/>
              <a:gdLst>
                <a:gd name="connsiteX0" fmla="*/ 1703388 w 1703388"/>
                <a:gd name="connsiteY0" fmla="*/ 3200399 h 3933826"/>
                <a:gd name="connsiteX1" fmla="*/ 854076 w 1703388"/>
                <a:gd name="connsiteY1" fmla="*/ 3933826 h 3933826"/>
                <a:gd name="connsiteX2" fmla="*/ 0 w 1703388"/>
                <a:gd name="connsiteY2" fmla="*/ 3200399 h 3933826"/>
                <a:gd name="connsiteX3" fmla="*/ 420688 w 1703388"/>
                <a:gd name="connsiteY3" fmla="*/ 3200399 h 3933826"/>
                <a:gd name="connsiteX4" fmla="*/ 420688 w 1703388"/>
                <a:gd name="connsiteY4" fmla="*/ 679450 h 3933826"/>
                <a:gd name="connsiteX5" fmla="*/ 1285876 w 1703388"/>
                <a:gd name="connsiteY5" fmla="*/ 0 h 3933826"/>
                <a:gd name="connsiteX6" fmla="*/ 1285876 w 1703388"/>
                <a:gd name="connsiteY6" fmla="*/ 3200399 h 393382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1703388" h="3933826">
                  <a:moveTo>
                    <a:pt x="1703388" y="3200399"/>
                  </a:moveTo>
                  <a:lnTo>
                    <a:pt x="854076" y="3933826"/>
                  </a:lnTo>
                  <a:lnTo>
                    <a:pt x="0" y="3200399"/>
                  </a:lnTo>
                  <a:lnTo>
                    <a:pt x="420688" y="3200399"/>
                  </a:lnTo>
                  <a:lnTo>
                    <a:pt x="420688" y="679450"/>
                  </a:lnTo>
                  <a:lnTo>
                    <a:pt x="1285876" y="0"/>
                  </a:lnTo>
                  <a:lnTo>
                    <a:pt x="1285876" y="3200399"/>
                  </a:ln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21" name="矩形 20"/>
            <p:cNvSpPr/>
            <p:nvPr/>
          </p:nvSpPr>
          <p:spPr>
            <a:xfrm>
              <a:off x="4716801" y="5225064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22" name="Freeform 14"/>
            <p:cNvSpPr>
              <a:spLocks noChangeAspect="1" noEditPoints="1"/>
            </p:cNvSpPr>
            <p:nvPr/>
          </p:nvSpPr>
          <p:spPr bwMode="auto">
            <a:xfrm>
              <a:off x="4871284" y="3832629"/>
              <a:ext cx="350534" cy="349122"/>
            </a:xfrm>
            <a:custGeom>
              <a:avLst/>
              <a:gdLst>
                <a:gd name="T0" fmla="*/ 359 w 605"/>
                <a:gd name="T1" fmla="*/ 39 h 602"/>
                <a:gd name="T2" fmla="*/ 462 w 605"/>
                <a:gd name="T3" fmla="*/ 85 h 602"/>
                <a:gd name="T4" fmla="*/ 537 w 605"/>
                <a:gd name="T5" fmla="*/ 168 h 602"/>
                <a:gd name="T6" fmla="*/ 572 w 605"/>
                <a:gd name="T7" fmla="*/ 275 h 602"/>
                <a:gd name="T8" fmla="*/ 560 w 605"/>
                <a:gd name="T9" fmla="*/ 387 h 602"/>
                <a:gd name="T10" fmla="*/ 504 w 605"/>
                <a:gd name="T11" fmla="*/ 484 h 602"/>
                <a:gd name="T12" fmla="*/ 413 w 605"/>
                <a:gd name="T13" fmla="*/ 551 h 602"/>
                <a:gd name="T14" fmla="*/ 303 w 605"/>
                <a:gd name="T15" fmla="*/ 574 h 602"/>
                <a:gd name="T16" fmla="*/ 193 w 605"/>
                <a:gd name="T17" fmla="*/ 551 h 602"/>
                <a:gd name="T18" fmla="*/ 102 w 605"/>
                <a:gd name="T19" fmla="*/ 484 h 602"/>
                <a:gd name="T20" fmla="*/ 46 w 605"/>
                <a:gd name="T21" fmla="*/ 387 h 602"/>
                <a:gd name="T22" fmla="*/ 34 w 605"/>
                <a:gd name="T23" fmla="*/ 275 h 602"/>
                <a:gd name="T24" fmla="*/ 69 w 605"/>
                <a:gd name="T25" fmla="*/ 168 h 602"/>
                <a:gd name="T26" fmla="*/ 144 w 605"/>
                <a:gd name="T27" fmla="*/ 85 h 602"/>
                <a:gd name="T28" fmla="*/ 247 w 605"/>
                <a:gd name="T29" fmla="*/ 39 h 602"/>
                <a:gd name="T30" fmla="*/ 359 w 605"/>
                <a:gd name="T31" fmla="*/ 39 h 602"/>
                <a:gd name="T32" fmla="*/ 376 w 605"/>
                <a:gd name="T33" fmla="*/ 379 h 602"/>
                <a:gd name="T34" fmla="*/ 376 w 605"/>
                <a:gd name="T35" fmla="*/ 379 h 602"/>
                <a:gd name="T36" fmla="*/ 412 w 605"/>
                <a:gd name="T37" fmla="*/ 419 h 602"/>
                <a:gd name="T38" fmla="*/ 397 w 605"/>
                <a:gd name="T39" fmla="*/ 332 h 602"/>
                <a:gd name="T40" fmla="*/ 376 w 605"/>
                <a:gd name="T41" fmla="*/ 379 h 602"/>
                <a:gd name="T42" fmla="*/ 186 w 605"/>
                <a:gd name="T43" fmla="*/ 222 h 602"/>
                <a:gd name="T44" fmla="*/ 186 w 605"/>
                <a:gd name="T45" fmla="*/ 222 h 602"/>
                <a:gd name="T46" fmla="*/ 221 w 605"/>
                <a:gd name="T47" fmla="*/ 261 h 602"/>
                <a:gd name="T48" fmla="*/ 207 w 605"/>
                <a:gd name="T49" fmla="*/ 175 h 602"/>
                <a:gd name="T50" fmla="*/ 186 w 605"/>
                <a:gd name="T51" fmla="*/ 222 h 602"/>
                <a:gd name="T52" fmla="*/ 141 w 605"/>
                <a:gd name="T53" fmla="*/ 222 h 602"/>
                <a:gd name="T54" fmla="*/ 141 w 605"/>
                <a:gd name="T55" fmla="*/ 222 h 602"/>
                <a:gd name="T56" fmla="*/ 256 w 605"/>
                <a:gd name="T57" fmla="*/ 162 h 602"/>
                <a:gd name="T58" fmla="*/ 208 w 605"/>
                <a:gd name="T59" fmla="*/ 301 h 602"/>
                <a:gd name="T60" fmla="*/ 141 w 605"/>
                <a:gd name="T61" fmla="*/ 222 h 602"/>
                <a:gd name="T62" fmla="*/ 244 w 605"/>
                <a:gd name="T63" fmla="*/ 460 h 602"/>
                <a:gd name="T64" fmla="*/ 244 w 605"/>
                <a:gd name="T65" fmla="*/ 460 h 602"/>
                <a:gd name="T66" fmla="*/ 201 w 605"/>
                <a:gd name="T67" fmla="*/ 460 h 602"/>
                <a:gd name="T68" fmla="*/ 362 w 605"/>
                <a:gd name="T69" fmla="*/ 141 h 602"/>
                <a:gd name="T70" fmla="*/ 404 w 605"/>
                <a:gd name="T71" fmla="*/ 141 h 602"/>
                <a:gd name="T72" fmla="*/ 244 w 605"/>
                <a:gd name="T73" fmla="*/ 460 h 602"/>
                <a:gd name="T74" fmla="*/ 331 w 605"/>
                <a:gd name="T75" fmla="*/ 379 h 602"/>
                <a:gd name="T76" fmla="*/ 331 w 605"/>
                <a:gd name="T77" fmla="*/ 379 h 602"/>
                <a:gd name="T78" fmla="*/ 446 w 605"/>
                <a:gd name="T79" fmla="*/ 319 h 602"/>
                <a:gd name="T80" fmla="*/ 398 w 605"/>
                <a:gd name="T81" fmla="*/ 459 h 602"/>
                <a:gd name="T82" fmla="*/ 331 w 605"/>
                <a:gd name="T83" fmla="*/ 379 h 6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605" h="602">
                  <a:moveTo>
                    <a:pt x="359" y="39"/>
                  </a:moveTo>
                  <a:cubicBezTo>
                    <a:pt x="435" y="31"/>
                    <a:pt x="417" y="22"/>
                    <a:pt x="462" y="85"/>
                  </a:cubicBezTo>
                  <a:cubicBezTo>
                    <a:pt x="535" y="108"/>
                    <a:pt x="521" y="93"/>
                    <a:pt x="537" y="168"/>
                  </a:cubicBezTo>
                  <a:cubicBezTo>
                    <a:pt x="594" y="219"/>
                    <a:pt x="588" y="200"/>
                    <a:pt x="572" y="275"/>
                  </a:cubicBezTo>
                  <a:cubicBezTo>
                    <a:pt x="603" y="345"/>
                    <a:pt x="605" y="325"/>
                    <a:pt x="560" y="387"/>
                  </a:cubicBezTo>
                  <a:cubicBezTo>
                    <a:pt x="560" y="464"/>
                    <a:pt x="570" y="446"/>
                    <a:pt x="504" y="484"/>
                  </a:cubicBezTo>
                  <a:cubicBezTo>
                    <a:pt x="473" y="555"/>
                    <a:pt x="489" y="543"/>
                    <a:pt x="413" y="551"/>
                  </a:cubicBezTo>
                  <a:cubicBezTo>
                    <a:pt x="356" y="602"/>
                    <a:pt x="376" y="598"/>
                    <a:pt x="303" y="574"/>
                  </a:cubicBezTo>
                  <a:cubicBezTo>
                    <a:pt x="230" y="598"/>
                    <a:pt x="250" y="602"/>
                    <a:pt x="193" y="551"/>
                  </a:cubicBezTo>
                  <a:cubicBezTo>
                    <a:pt x="116" y="543"/>
                    <a:pt x="133" y="555"/>
                    <a:pt x="102" y="484"/>
                  </a:cubicBezTo>
                  <a:cubicBezTo>
                    <a:pt x="35" y="446"/>
                    <a:pt x="45" y="464"/>
                    <a:pt x="46" y="387"/>
                  </a:cubicBezTo>
                  <a:cubicBezTo>
                    <a:pt x="0" y="325"/>
                    <a:pt x="2" y="345"/>
                    <a:pt x="34" y="275"/>
                  </a:cubicBezTo>
                  <a:cubicBezTo>
                    <a:pt x="18" y="200"/>
                    <a:pt x="11" y="219"/>
                    <a:pt x="69" y="168"/>
                  </a:cubicBezTo>
                  <a:cubicBezTo>
                    <a:pt x="84" y="93"/>
                    <a:pt x="71" y="108"/>
                    <a:pt x="144" y="85"/>
                  </a:cubicBezTo>
                  <a:cubicBezTo>
                    <a:pt x="189" y="22"/>
                    <a:pt x="170" y="31"/>
                    <a:pt x="247" y="39"/>
                  </a:cubicBezTo>
                  <a:cubicBezTo>
                    <a:pt x="313" y="0"/>
                    <a:pt x="293" y="0"/>
                    <a:pt x="359" y="39"/>
                  </a:cubicBezTo>
                  <a:close/>
                  <a:moveTo>
                    <a:pt x="376" y="379"/>
                  </a:moveTo>
                  <a:lnTo>
                    <a:pt x="376" y="379"/>
                  </a:lnTo>
                  <a:cubicBezTo>
                    <a:pt x="376" y="443"/>
                    <a:pt x="406" y="427"/>
                    <a:pt x="412" y="419"/>
                  </a:cubicBezTo>
                  <a:cubicBezTo>
                    <a:pt x="418" y="409"/>
                    <a:pt x="429" y="332"/>
                    <a:pt x="397" y="332"/>
                  </a:cubicBezTo>
                  <a:cubicBezTo>
                    <a:pt x="378" y="332"/>
                    <a:pt x="376" y="356"/>
                    <a:pt x="376" y="379"/>
                  </a:cubicBezTo>
                  <a:close/>
                  <a:moveTo>
                    <a:pt x="186" y="222"/>
                  </a:moveTo>
                  <a:lnTo>
                    <a:pt x="186" y="222"/>
                  </a:lnTo>
                  <a:cubicBezTo>
                    <a:pt x="186" y="286"/>
                    <a:pt x="217" y="268"/>
                    <a:pt x="221" y="261"/>
                  </a:cubicBezTo>
                  <a:cubicBezTo>
                    <a:pt x="228" y="251"/>
                    <a:pt x="238" y="175"/>
                    <a:pt x="207" y="175"/>
                  </a:cubicBezTo>
                  <a:cubicBezTo>
                    <a:pt x="188" y="175"/>
                    <a:pt x="186" y="199"/>
                    <a:pt x="186" y="222"/>
                  </a:cubicBezTo>
                  <a:close/>
                  <a:moveTo>
                    <a:pt x="141" y="222"/>
                  </a:moveTo>
                  <a:lnTo>
                    <a:pt x="141" y="222"/>
                  </a:lnTo>
                  <a:cubicBezTo>
                    <a:pt x="141" y="124"/>
                    <a:pt x="229" y="132"/>
                    <a:pt x="256" y="162"/>
                  </a:cubicBezTo>
                  <a:cubicBezTo>
                    <a:pt x="282" y="190"/>
                    <a:pt x="291" y="301"/>
                    <a:pt x="208" y="301"/>
                  </a:cubicBezTo>
                  <a:cubicBezTo>
                    <a:pt x="160" y="301"/>
                    <a:pt x="141" y="269"/>
                    <a:pt x="141" y="222"/>
                  </a:cubicBezTo>
                  <a:close/>
                  <a:moveTo>
                    <a:pt x="244" y="460"/>
                  </a:moveTo>
                  <a:lnTo>
                    <a:pt x="244" y="460"/>
                  </a:lnTo>
                  <a:cubicBezTo>
                    <a:pt x="230" y="460"/>
                    <a:pt x="216" y="460"/>
                    <a:pt x="201" y="460"/>
                  </a:cubicBezTo>
                  <a:cubicBezTo>
                    <a:pt x="255" y="354"/>
                    <a:pt x="309" y="247"/>
                    <a:pt x="362" y="141"/>
                  </a:cubicBezTo>
                  <a:cubicBezTo>
                    <a:pt x="376" y="141"/>
                    <a:pt x="390" y="141"/>
                    <a:pt x="404" y="141"/>
                  </a:cubicBezTo>
                  <a:cubicBezTo>
                    <a:pt x="351" y="247"/>
                    <a:pt x="298" y="354"/>
                    <a:pt x="244" y="460"/>
                  </a:cubicBezTo>
                  <a:close/>
                  <a:moveTo>
                    <a:pt x="331" y="379"/>
                  </a:moveTo>
                  <a:lnTo>
                    <a:pt x="331" y="379"/>
                  </a:lnTo>
                  <a:cubicBezTo>
                    <a:pt x="331" y="282"/>
                    <a:pt x="419" y="289"/>
                    <a:pt x="446" y="319"/>
                  </a:cubicBezTo>
                  <a:cubicBezTo>
                    <a:pt x="473" y="348"/>
                    <a:pt x="481" y="459"/>
                    <a:pt x="398" y="459"/>
                  </a:cubicBezTo>
                  <a:cubicBezTo>
                    <a:pt x="351" y="459"/>
                    <a:pt x="331" y="427"/>
                    <a:pt x="331" y="37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4944558" y="2019121"/>
            <a:ext cx="1336511" cy="2834001"/>
            <a:chOff x="5092475" y="1668293"/>
            <a:chExt cx="1336511" cy="2834001"/>
          </a:xfrm>
        </p:grpSpPr>
        <p:sp>
          <p:nvSpPr>
            <p:cNvPr id="24" name="任意多边形 23"/>
            <p:cNvSpPr>
              <a:spLocks/>
            </p:cNvSpPr>
            <p:nvPr/>
          </p:nvSpPr>
          <p:spPr bwMode="auto">
            <a:xfrm>
              <a:off x="5092475" y="1668293"/>
              <a:ext cx="1336511" cy="2834001"/>
            </a:xfrm>
            <a:custGeom>
              <a:avLst/>
              <a:gdLst>
                <a:gd name="connsiteX0" fmla="*/ 1700213 w 1700213"/>
                <a:gd name="connsiteY0" fmla="*/ 731838 h 3605212"/>
                <a:gd name="connsiteX1" fmla="*/ 1282701 w 1700213"/>
                <a:gd name="connsiteY1" fmla="*/ 731838 h 3605212"/>
                <a:gd name="connsiteX2" fmla="*/ 1282701 w 1700213"/>
                <a:gd name="connsiteY2" fmla="*/ 3605212 h 3605212"/>
                <a:gd name="connsiteX3" fmla="*/ 420688 w 1700213"/>
                <a:gd name="connsiteY3" fmla="*/ 2925762 h 3605212"/>
                <a:gd name="connsiteX4" fmla="*/ 420688 w 1700213"/>
                <a:gd name="connsiteY4" fmla="*/ 1735137 h 3605212"/>
                <a:gd name="connsiteX5" fmla="*/ 417513 w 1700213"/>
                <a:gd name="connsiteY5" fmla="*/ 1735137 h 3605212"/>
                <a:gd name="connsiteX6" fmla="*/ 417513 w 1700213"/>
                <a:gd name="connsiteY6" fmla="*/ 731838 h 3605212"/>
                <a:gd name="connsiteX7" fmla="*/ 417513 w 1700213"/>
                <a:gd name="connsiteY7" fmla="*/ 731838 h 3605212"/>
                <a:gd name="connsiteX8" fmla="*/ 0 w 1700213"/>
                <a:gd name="connsiteY8" fmla="*/ 731838 h 3605212"/>
                <a:gd name="connsiteX9" fmla="*/ 849313 w 1700213"/>
                <a:gd name="connsiteY9" fmla="*/ 0 h 360521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1700213" h="3605212">
                  <a:moveTo>
                    <a:pt x="1700213" y="731838"/>
                  </a:moveTo>
                  <a:lnTo>
                    <a:pt x="1282701" y="731838"/>
                  </a:lnTo>
                  <a:lnTo>
                    <a:pt x="1282701" y="3605212"/>
                  </a:lnTo>
                  <a:lnTo>
                    <a:pt x="420688" y="2925762"/>
                  </a:lnTo>
                  <a:lnTo>
                    <a:pt x="420688" y="1735137"/>
                  </a:lnTo>
                  <a:lnTo>
                    <a:pt x="417513" y="1735137"/>
                  </a:lnTo>
                  <a:lnTo>
                    <a:pt x="417513" y="731838"/>
                  </a:lnTo>
                  <a:lnTo>
                    <a:pt x="417513" y="731838"/>
                  </a:lnTo>
                  <a:lnTo>
                    <a:pt x="0" y="731838"/>
                  </a:lnTo>
                  <a:lnTo>
                    <a:pt x="849313" y="0"/>
                  </a:ln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25" name="矩形 24"/>
            <p:cNvSpPr/>
            <p:nvPr/>
          </p:nvSpPr>
          <p:spPr>
            <a:xfrm>
              <a:off x="5372172" y="2033337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26" name="Freeform 26"/>
            <p:cNvSpPr>
              <a:spLocks noEditPoints="1"/>
            </p:cNvSpPr>
            <p:nvPr/>
          </p:nvSpPr>
          <p:spPr bwMode="auto">
            <a:xfrm>
              <a:off x="5620454" y="3510380"/>
              <a:ext cx="296775" cy="311802"/>
            </a:xfrm>
            <a:custGeom>
              <a:avLst/>
              <a:gdLst>
                <a:gd name="T0" fmla="*/ 139 w 577"/>
                <a:gd name="T1" fmla="*/ 87 h 609"/>
                <a:gd name="T2" fmla="*/ 27 w 577"/>
                <a:gd name="T3" fmla="*/ 87 h 609"/>
                <a:gd name="T4" fmla="*/ 27 w 577"/>
                <a:gd name="T5" fmla="*/ 48 h 609"/>
                <a:gd name="T6" fmla="*/ 139 w 577"/>
                <a:gd name="T7" fmla="*/ 48 h 609"/>
                <a:gd name="T8" fmla="*/ 139 w 577"/>
                <a:gd name="T9" fmla="*/ 87 h 609"/>
                <a:gd name="T10" fmla="*/ 139 w 577"/>
                <a:gd name="T11" fmla="*/ 179 h 609"/>
                <a:gd name="T12" fmla="*/ 27 w 577"/>
                <a:gd name="T13" fmla="*/ 179 h 609"/>
                <a:gd name="T14" fmla="*/ 27 w 577"/>
                <a:gd name="T15" fmla="*/ 140 h 609"/>
                <a:gd name="T16" fmla="*/ 139 w 577"/>
                <a:gd name="T17" fmla="*/ 140 h 609"/>
                <a:gd name="T18" fmla="*/ 139 w 577"/>
                <a:gd name="T19" fmla="*/ 179 h 609"/>
                <a:gd name="T20" fmla="*/ 139 w 577"/>
                <a:gd name="T21" fmla="*/ 271 h 609"/>
                <a:gd name="T22" fmla="*/ 27 w 577"/>
                <a:gd name="T23" fmla="*/ 271 h 609"/>
                <a:gd name="T24" fmla="*/ 27 w 577"/>
                <a:gd name="T25" fmla="*/ 232 h 609"/>
                <a:gd name="T26" fmla="*/ 139 w 577"/>
                <a:gd name="T27" fmla="*/ 232 h 609"/>
                <a:gd name="T28" fmla="*/ 139 w 577"/>
                <a:gd name="T29" fmla="*/ 271 h 609"/>
                <a:gd name="T30" fmla="*/ 0 w 577"/>
                <a:gd name="T31" fmla="*/ 609 h 609"/>
                <a:gd name="T32" fmla="*/ 166 w 577"/>
                <a:gd name="T33" fmla="*/ 609 h 609"/>
                <a:gd name="T34" fmla="*/ 166 w 577"/>
                <a:gd name="T35" fmla="*/ 0 h 609"/>
                <a:gd name="T36" fmla="*/ 0 w 577"/>
                <a:gd name="T37" fmla="*/ 0 h 609"/>
                <a:gd name="T38" fmla="*/ 0 w 577"/>
                <a:gd name="T39" fmla="*/ 609 h 609"/>
                <a:gd name="T40" fmla="*/ 344 w 577"/>
                <a:gd name="T41" fmla="*/ 87 h 609"/>
                <a:gd name="T42" fmla="*/ 232 w 577"/>
                <a:gd name="T43" fmla="*/ 87 h 609"/>
                <a:gd name="T44" fmla="*/ 232 w 577"/>
                <a:gd name="T45" fmla="*/ 48 h 609"/>
                <a:gd name="T46" fmla="*/ 344 w 577"/>
                <a:gd name="T47" fmla="*/ 48 h 609"/>
                <a:gd name="T48" fmla="*/ 344 w 577"/>
                <a:gd name="T49" fmla="*/ 87 h 609"/>
                <a:gd name="T50" fmla="*/ 344 w 577"/>
                <a:gd name="T51" fmla="*/ 179 h 609"/>
                <a:gd name="T52" fmla="*/ 232 w 577"/>
                <a:gd name="T53" fmla="*/ 179 h 609"/>
                <a:gd name="T54" fmla="*/ 232 w 577"/>
                <a:gd name="T55" fmla="*/ 140 h 609"/>
                <a:gd name="T56" fmla="*/ 344 w 577"/>
                <a:gd name="T57" fmla="*/ 140 h 609"/>
                <a:gd name="T58" fmla="*/ 344 w 577"/>
                <a:gd name="T59" fmla="*/ 179 h 609"/>
                <a:gd name="T60" fmla="*/ 344 w 577"/>
                <a:gd name="T61" fmla="*/ 271 h 609"/>
                <a:gd name="T62" fmla="*/ 232 w 577"/>
                <a:gd name="T63" fmla="*/ 271 h 609"/>
                <a:gd name="T64" fmla="*/ 232 w 577"/>
                <a:gd name="T65" fmla="*/ 232 h 609"/>
                <a:gd name="T66" fmla="*/ 344 w 577"/>
                <a:gd name="T67" fmla="*/ 232 h 609"/>
                <a:gd name="T68" fmla="*/ 344 w 577"/>
                <a:gd name="T69" fmla="*/ 271 h 609"/>
                <a:gd name="T70" fmla="*/ 205 w 577"/>
                <a:gd name="T71" fmla="*/ 609 h 609"/>
                <a:gd name="T72" fmla="*/ 371 w 577"/>
                <a:gd name="T73" fmla="*/ 609 h 609"/>
                <a:gd name="T74" fmla="*/ 371 w 577"/>
                <a:gd name="T75" fmla="*/ 0 h 609"/>
                <a:gd name="T76" fmla="*/ 205 w 577"/>
                <a:gd name="T77" fmla="*/ 0 h 609"/>
                <a:gd name="T78" fmla="*/ 205 w 577"/>
                <a:gd name="T79" fmla="*/ 609 h 609"/>
                <a:gd name="T80" fmla="*/ 549 w 577"/>
                <a:gd name="T81" fmla="*/ 87 h 609"/>
                <a:gd name="T82" fmla="*/ 437 w 577"/>
                <a:gd name="T83" fmla="*/ 87 h 609"/>
                <a:gd name="T84" fmla="*/ 437 w 577"/>
                <a:gd name="T85" fmla="*/ 48 h 609"/>
                <a:gd name="T86" fmla="*/ 549 w 577"/>
                <a:gd name="T87" fmla="*/ 48 h 609"/>
                <a:gd name="T88" fmla="*/ 549 w 577"/>
                <a:gd name="T89" fmla="*/ 87 h 609"/>
                <a:gd name="T90" fmla="*/ 549 w 577"/>
                <a:gd name="T91" fmla="*/ 179 h 609"/>
                <a:gd name="T92" fmla="*/ 437 w 577"/>
                <a:gd name="T93" fmla="*/ 179 h 609"/>
                <a:gd name="T94" fmla="*/ 437 w 577"/>
                <a:gd name="T95" fmla="*/ 140 h 609"/>
                <a:gd name="T96" fmla="*/ 549 w 577"/>
                <a:gd name="T97" fmla="*/ 140 h 609"/>
                <a:gd name="T98" fmla="*/ 549 w 577"/>
                <a:gd name="T99" fmla="*/ 179 h 609"/>
                <a:gd name="T100" fmla="*/ 549 w 577"/>
                <a:gd name="T101" fmla="*/ 271 h 609"/>
                <a:gd name="T102" fmla="*/ 437 w 577"/>
                <a:gd name="T103" fmla="*/ 271 h 609"/>
                <a:gd name="T104" fmla="*/ 437 w 577"/>
                <a:gd name="T105" fmla="*/ 232 h 609"/>
                <a:gd name="T106" fmla="*/ 549 w 577"/>
                <a:gd name="T107" fmla="*/ 232 h 609"/>
                <a:gd name="T108" fmla="*/ 549 w 577"/>
                <a:gd name="T109" fmla="*/ 271 h 609"/>
                <a:gd name="T110" fmla="*/ 410 w 577"/>
                <a:gd name="T111" fmla="*/ 609 h 609"/>
                <a:gd name="T112" fmla="*/ 577 w 577"/>
                <a:gd name="T113" fmla="*/ 609 h 609"/>
                <a:gd name="T114" fmla="*/ 577 w 577"/>
                <a:gd name="T115" fmla="*/ 0 h 609"/>
                <a:gd name="T116" fmla="*/ 410 w 577"/>
                <a:gd name="T117" fmla="*/ 0 h 609"/>
                <a:gd name="T118" fmla="*/ 410 w 577"/>
                <a:gd name="T119" fmla="*/ 609 h 6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577" h="609">
                  <a:moveTo>
                    <a:pt x="139" y="87"/>
                  </a:moveTo>
                  <a:lnTo>
                    <a:pt x="27" y="87"/>
                  </a:lnTo>
                  <a:lnTo>
                    <a:pt x="27" y="48"/>
                  </a:lnTo>
                  <a:lnTo>
                    <a:pt x="139" y="48"/>
                  </a:lnTo>
                  <a:lnTo>
                    <a:pt x="139" y="87"/>
                  </a:lnTo>
                  <a:close/>
                  <a:moveTo>
                    <a:pt x="139" y="179"/>
                  </a:moveTo>
                  <a:lnTo>
                    <a:pt x="27" y="179"/>
                  </a:lnTo>
                  <a:lnTo>
                    <a:pt x="27" y="140"/>
                  </a:lnTo>
                  <a:lnTo>
                    <a:pt x="139" y="140"/>
                  </a:lnTo>
                  <a:lnTo>
                    <a:pt x="139" y="179"/>
                  </a:lnTo>
                  <a:close/>
                  <a:moveTo>
                    <a:pt x="139" y="271"/>
                  </a:moveTo>
                  <a:lnTo>
                    <a:pt x="27" y="271"/>
                  </a:lnTo>
                  <a:lnTo>
                    <a:pt x="27" y="232"/>
                  </a:lnTo>
                  <a:lnTo>
                    <a:pt x="139" y="232"/>
                  </a:lnTo>
                  <a:lnTo>
                    <a:pt x="139" y="271"/>
                  </a:lnTo>
                  <a:close/>
                  <a:moveTo>
                    <a:pt x="0" y="609"/>
                  </a:moveTo>
                  <a:lnTo>
                    <a:pt x="166" y="609"/>
                  </a:lnTo>
                  <a:lnTo>
                    <a:pt x="166" y="0"/>
                  </a:lnTo>
                  <a:lnTo>
                    <a:pt x="0" y="0"/>
                  </a:lnTo>
                  <a:lnTo>
                    <a:pt x="0" y="609"/>
                  </a:lnTo>
                  <a:close/>
                  <a:moveTo>
                    <a:pt x="344" y="87"/>
                  </a:moveTo>
                  <a:lnTo>
                    <a:pt x="232" y="87"/>
                  </a:lnTo>
                  <a:lnTo>
                    <a:pt x="232" y="48"/>
                  </a:lnTo>
                  <a:lnTo>
                    <a:pt x="344" y="48"/>
                  </a:lnTo>
                  <a:lnTo>
                    <a:pt x="344" y="87"/>
                  </a:lnTo>
                  <a:close/>
                  <a:moveTo>
                    <a:pt x="344" y="179"/>
                  </a:moveTo>
                  <a:lnTo>
                    <a:pt x="232" y="179"/>
                  </a:lnTo>
                  <a:lnTo>
                    <a:pt x="232" y="140"/>
                  </a:lnTo>
                  <a:lnTo>
                    <a:pt x="344" y="140"/>
                  </a:lnTo>
                  <a:lnTo>
                    <a:pt x="344" y="179"/>
                  </a:lnTo>
                  <a:close/>
                  <a:moveTo>
                    <a:pt x="344" y="271"/>
                  </a:moveTo>
                  <a:lnTo>
                    <a:pt x="232" y="271"/>
                  </a:lnTo>
                  <a:lnTo>
                    <a:pt x="232" y="232"/>
                  </a:lnTo>
                  <a:lnTo>
                    <a:pt x="344" y="232"/>
                  </a:lnTo>
                  <a:lnTo>
                    <a:pt x="344" y="271"/>
                  </a:lnTo>
                  <a:close/>
                  <a:moveTo>
                    <a:pt x="205" y="609"/>
                  </a:moveTo>
                  <a:lnTo>
                    <a:pt x="371" y="609"/>
                  </a:lnTo>
                  <a:lnTo>
                    <a:pt x="371" y="0"/>
                  </a:lnTo>
                  <a:lnTo>
                    <a:pt x="205" y="0"/>
                  </a:lnTo>
                  <a:lnTo>
                    <a:pt x="205" y="609"/>
                  </a:lnTo>
                  <a:close/>
                  <a:moveTo>
                    <a:pt x="549" y="87"/>
                  </a:moveTo>
                  <a:lnTo>
                    <a:pt x="437" y="87"/>
                  </a:lnTo>
                  <a:lnTo>
                    <a:pt x="437" y="48"/>
                  </a:lnTo>
                  <a:lnTo>
                    <a:pt x="549" y="48"/>
                  </a:lnTo>
                  <a:lnTo>
                    <a:pt x="549" y="87"/>
                  </a:lnTo>
                  <a:close/>
                  <a:moveTo>
                    <a:pt x="549" y="179"/>
                  </a:moveTo>
                  <a:lnTo>
                    <a:pt x="437" y="179"/>
                  </a:lnTo>
                  <a:lnTo>
                    <a:pt x="437" y="140"/>
                  </a:lnTo>
                  <a:lnTo>
                    <a:pt x="549" y="140"/>
                  </a:lnTo>
                  <a:lnTo>
                    <a:pt x="549" y="179"/>
                  </a:lnTo>
                  <a:close/>
                  <a:moveTo>
                    <a:pt x="549" y="271"/>
                  </a:moveTo>
                  <a:lnTo>
                    <a:pt x="437" y="271"/>
                  </a:lnTo>
                  <a:lnTo>
                    <a:pt x="437" y="232"/>
                  </a:lnTo>
                  <a:lnTo>
                    <a:pt x="549" y="232"/>
                  </a:lnTo>
                  <a:lnTo>
                    <a:pt x="549" y="271"/>
                  </a:lnTo>
                  <a:close/>
                  <a:moveTo>
                    <a:pt x="410" y="609"/>
                  </a:moveTo>
                  <a:lnTo>
                    <a:pt x="577" y="609"/>
                  </a:lnTo>
                  <a:lnTo>
                    <a:pt x="577" y="0"/>
                  </a:lnTo>
                  <a:lnTo>
                    <a:pt x="410" y="0"/>
                  </a:lnTo>
                  <a:lnTo>
                    <a:pt x="410" y="60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27" name="组合 26"/>
          <p:cNvGrpSpPr/>
          <p:nvPr/>
        </p:nvGrpSpPr>
        <p:grpSpPr>
          <a:xfrm>
            <a:off x="6293548" y="1658474"/>
            <a:ext cx="1340254" cy="3537823"/>
            <a:chOff x="6441465" y="1307646"/>
            <a:chExt cx="1340254" cy="3537823"/>
          </a:xfrm>
        </p:grpSpPr>
        <p:sp>
          <p:nvSpPr>
            <p:cNvPr id="28" name="任意多边形 27"/>
            <p:cNvSpPr>
              <a:spLocks/>
            </p:cNvSpPr>
            <p:nvPr/>
          </p:nvSpPr>
          <p:spPr bwMode="auto">
            <a:xfrm>
              <a:off x="6441465" y="1307646"/>
              <a:ext cx="1340254" cy="3537823"/>
            </a:xfrm>
            <a:custGeom>
              <a:avLst/>
              <a:gdLst>
                <a:gd name="connsiteX0" fmla="*/ 1704975 w 1704975"/>
                <a:gd name="connsiteY0" fmla="*/ 731838 h 4500563"/>
                <a:gd name="connsiteX1" fmla="*/ 1282701 w 1704975"/>
                <a:gd name="connsiteY1" fmla="*/ 731838 h 4500563"/>
                <a:gd name="connsiteX2" fmla="*/ 1282701 w 1704975"/>
                <a:gd name="connsiteY2" fmla="*/ 3816350 h 4500563"/>
                <a:gd name="connsiteX3" fmla="*/ 422276 w 1704975"/>
                <a:gd name="connsiteY3" fmla="*/ 4500563 h 4500563"/>
                <a:gd name="connsiteX4" fmla="*/ 422276 w 1704975"/>
                <a:gd name="connsiteY4" fmla="*/ 731838 h 4500563"/>
                <a:gd name="connsiteX5" fmla="*/ 422275 w 1704975"/>
                <a:gd name="connsiteY5" fmla="*/ 731838 h 4500563"/>
                <a:gd name="connsiteX6" fmla="*/ 0 w 1704975"/>
                <a:gd name="connsiteY6" fmla="*/ 731838 h 4500563"/>
                <a:gd name="connsiteX7" fmla="*/ 850900 w 1704975"/>
                <a:gd name="connsiteY7" fmla="*/ 0 h 4500563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704975" h="4500563">
                  <a:moveTo>
                    <a:pt x="1704975" y="731838"/>
                  </a:moveTo>
                  <a:lnTo>
                    <a:pt x="1282701" y="731838"/>
                  </a:lnTo>
                  <a:lnTo>
                    <a:pt x="1282701" y="3816350"/>
                  </a:lnTo>
                  <a:lnTo>
                    <a:pt x="422276" y="4500563"/>
                  </a:lnTo>
                  <a:lnTo>
                    <a:pt x="422276" y="731838"/>
                  </a:lnTo>
                  <a:lnTo>
                    <a:pt x="422275" y="731838"/>
                  </a:lnTo>
                  <a:lnTo>
                    <a:pt x="0" y="731838"/>
                  </a:lnTo>
                  <a:lnTo>
                    <a:pt x="850900" y="0"/>
                  </a:ln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29" name="矩形 28"/>
            <p:cNvSpPr/>
            <p:nvPr/>
          </p:nvSpPr>
          <p:spPr>
            <a:xfrm>
              <a:off x="6736758" y="1556394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30" name="Freeform 33"/>
            <p:cNvSpPr>
              <a:spLocks noEditPoints="1"/>
            </p:cNvSpPr>
            <p:nvPr/>
          </p:nvSpPr>
          <p:spPr bwMode="auto">
            <a:xfrm>
              <a:off x="6983863" y="3972519"/>
              <a:ext cx="347256" cy="326132"/>
            </a:xfrm>
            <a:custGeom>
              <a:avLst/>
              <a:gdLst>
                <a:gd name="T0" fmla="*/ 21 w 643"/>
                <a:gd name="T1" fmla="*/ 477 h 603"/>
                <a:gd name="T2" fmla="*/ 459 w 643"/>
                <a:gd name="T3" fmla="*/ 359 h 603"/>
                <a:gd name="T4" fmla="*/ 420 w 643"/>
                <a:gd name="T5" fmla="*/ 494 h 603"/>
                <a:gd name="T6" fmla="*/ 407 w 643"/>
                <a:gd name="T7" fmla="*/ 377 h 603"/>
                <a:gd name="T8" fmla="*/ 408 w 643"/>
                <a:gd name="T9" fmla="*/ 272 h 603"/>
                <a:gd name="T10" fmla="*/ 397 w 643"/>
                <a:gd name="T11" fmla="*/ 276 h 603"/>
                <a:gd name="T12" fmla="*/ 405 w 643"/>
                <a:gd name="T13" fmla="*/ 292 h 603"/>
                <a:gd name="T14" fmla="*/ 415 w 643"/>
                <a:gd name="T15" fmla="*/ 288 h 603"/>
                <a:gd name="T16" fmla="*/ 356 w 643"/>
                <a:gd name="T17" fmla="*/ 302 h 603"/>
                <a:gd name="T18" fmla="*/ 360 w 643"/>
                <a:gd name="T19" fmla="*/ 322 h 603"/>
                <a:gd name="T20" fmla="*/ 368 w 643"/>
                <a:gd name="T21" fmla="*/ 315 h 603"/>
                <a:gd name="T22" fmla="*/ 324 w 643"/>
                <a:gd name="T23" fmla="*/ 341 h 603"/>
                <a:gd name="T24" fmla="*/ 319 w 643"/>
                <a:gd name="T25" fmla="*/ 351 h 603"/>
                <a:gd name="T26" fmla="*/ 335 w 643"/>
                <a:gd name="T27" fmla="*/ 359 h 603"/>
                <a:gd name="T28" fmla="*/ 340 w 643"/>
                <a:gd name="T29" fmla="*/ 349 h 603"/>
                <a:gd name="T30" fmla="*/ 305 w 643"/>
                <a:gd name="T31" fmla="*/ 399 h 603"/>
                <a:gd name="T32" fmla="*/ 322 w 643"/>
                <a:gd name="T33" fmla="*/ 411 h 603"/>
                <a:gd name="T34" fmla="*/ 323 w 643"/>
                <a:gd name="T35" fmla="*/ 400 h 603"/>
                <a:gd name="T36" fmla="*/ 308 w 643"/>
                <a:gd name="T37" fmla="*/ 450 h 603"/>
                <a:gd name="T38" fmla="*/ 311 w 643"/>
                <a:gd name="T39" fmla="*/ 461 h 603"/>
                <a:gd name="T40" fmla="*/ 327 w 643"/>
                <a:gd name="T41" fmla="*/ 455 h 603"/>
                <a:gd name="T42" fmla="*/ 324 w 643"/>
                <a:gd name="T43" fmla="*/ 444 h 603"/>
                <a:gd name="T44" fmla="*/ 332 w 643"/>
                <a:gd name="T45" fmla="*/ 505 h 603"/>
                <a:gd name="T46" fmla="*/ 353 w 643"/>
                <a:gd name="T47" fmla="*/ 503 h 603"/>
                <a:gd name="T48" fmla="*/ 346 w 643"/>
                <a:gd name="T49" fmla="*/ 495 h 603"/>
                <a:gd name="T50" fmla="*/ 367 w 643"/>
                <a:gd name="T51" fmla="*/ 541 h 603"/>
                <a:gd name="T52" fmla="*/ 377 w 643"/>
                <a:gd name="T53" fmla="*/ 547 h 603"/>
                <a:gd name="T54" fmla="*/ 386 w 643"/>
                <a:gd name="T55" fmla="*/ 532 h 603"/>
                <a:gd name="T56" fmla="*/ 377 w 643"/>
                <a:gd name="T57" fmla="*/ 526 h 603"/>
                <a:gd name="T58" fmla="*/ 423 w 643"/>
                <a:gd name="T59" fmla="*/ 566 h 603"/>
                <a:gd name="T60" fmla="*/ 434 w 643"/>
                <a:gd name="T61" fmla="*/ 568 h 603"/>
                <a:gd name="T62" fmla="*/ 427 w 643"/>
                <a:gd name="T63" fmla="*/ 549 h 603"/>
                <a:gd name="T64" fmla="*/ 472 w 643"/>
                <a:gd name="T65" fmla="*/ 569 h 603"/>
                <a:gd name="T66" fmla="*/ 484 w 643"/>
                <a:gd name="T67" fmla="*/ 568 h 603"/>
                <a:gd name="T68" fmla="*/ 483 w 643"/>
                <a:gd name="T69" fmla="*/ 550 h 603"/>
                <a:gd name="T70" fmla="*/ 472 w 643"/>
                <a:gd name="T71" fmla="*/ 552 h 603"/>
                <a:gd name="T72" fmla="*/ 530 w 643"/>
                <a:gd name="T73" fmla="*/ 551 h 603"/>
                <a:gd name="T74" fmla="*/ 540 w 643"/>
                <a:gd name="T75" fmla="*/ 545 h 603"/>
                <a:gd name="T76" fmla="*/ 524 w 643"/>
                <a:gd name="T77" fmla="*/ 535 h 603"/>
                <a:gd name="T78" fmla="*/ 570 w 643"/>
                <a:gd name="T79" fmla="*/ 521 h 603"/>
                <a:gd name="T80" fmla="*/ 577 w 643"/>
                <a:gd name="T81" fmla="*/ 512 h 603"/>
                <a:gd name="T82" fmla="*/ 565 w 643"/>
                <a:gd name="T83" fmla="*/ 499 h 603"/>
                <a:gd name="T84" fmla="*/ 559 w 643"/>
                <a:gd name="T85" fmla="*/ 507 h 603"/>
                <a:gd name="T86" fmla="*/ 601 w 643"/>
                <a:gd name="T87" fmla="*/ 469 h 603"/>
                <a:gd name="T88" fmla="*/ 605 w 643"/>
                <a:gd name="T89" fmla="*/ 457 h 603"/>
                <a:gd name="T90" fmla="*/ 586 w 643"/>
                <a:gd name="T91" fmla="*/ 459 h 603"/>
                <a:gd name="T92" fmla="*/ 610 w 643"/>
                <a:gd name="T93" fmla="*/ 419 h 603"/>
                <a:gd name="T94" fmla="*/ 610 w 643"/>
                <a:gd name="T95" fmla="*/ 408 h 603"/>
                <a:gd name="T96" fmla="*/ 592 w 643"/>
                <a:gd name="T97" fmla="*/ 406 h 603"/>
                <a:gd name="T98" fmla="*/ 593 w 643"/>
                <a:gd name="T99" fmla="*/ 417 h 603"/>
                <a:gd name="T100" fmla="*/ 599 w 643"/>
                <a:gd name="T101" fmla="*/ 358 h 603"/>
                <a:gd name="T102" fmla="*/ 594 w 643"/>
                <a:gd name="T103" fmla="*/ 347 h 603"/>
                <a:gd name="T104" fmla="*/ 581 w 643"/>
                <a:gd name="T105" fmla="*/ 363 h 603"/>
                <a:gd name="T106" fmla="*/ 573 w 643"/>
                <a:gd name="T107" fmla="*/ 316 h 603"/>
                <a:gd name="T108" fmla="*/ 565 w 643"/>
                <a:gd name="T109" fmla="*/ 308 h 603"/>
                <a:gd name="T110" fmla="*/ 550 w 643"/>
                <a:gd name="T111" fmla="*/ 318 h 603"/>
                <a:gd name="T112" fmla="*/ 557 w 643"/>
                <a:gd name="T113" fmla="*/ 326 h 603"/>
                <a:gd name="T114" fmla="*/ 524 w 643"/>
                <a:gd name="T115" fmla="*/ 279 h 603"/>
                <a:gd name="T116" fmla="*/ 513 w 643"/>
                <a:gd name="T117" fmla="*/ 274 h 603"/>
                <a:gd name="T118" fmla="*/ 513 w 643"/>
                <a:gd name="T119" fmla="*/ 293 h 603"/>
                <a:gd name="T120" fmla="*/ 457 w 643"/>
                <a:gd name="T121" fmla="*/ 231 h 603"/>
                <a:gd name="T122" fmla="*/ 358 w 643"/>
                <a:gd name="T123" fmla="*/ 9 h 603"/>
                <a:gd name="T124" fmla="*/ 30 w 643"/>
                <a:gd name="T125" fmla="*/ 153 h 6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643" h="603">
                  <a:moveTo>
                    <a:pt x="51" y="448"/>
                  </a:moveTo>
                  <a:cubicBezTo>
                    <a:pt x="83" y="445"/>
                    <a:pt x="115" y="443"/>
                    <a:pt x="147" y="442"/>
                  </a:cubicBezTo>
                  <a:cubicBezTo>
                    <a:pt x="127" y="440"/>
                    <a:pt x="108" y="439"/>
                    <a:pt x="88" y="436"/>
                  </a:cubicBezTo>
                  <a:cubicBezTo>
                    <a:pt x="72" y="435"/>
                    <a:pt x="59" y="423"/>
                    <a:pt x="59" y="407"/>
                  </a:cubicBezTo>
                  <a:cubicBezTo>
                    <a:pt x="59" y="383"/>
                    <a:pt x="59" y="359"/>
                    <a:pt x="59" y="335"/>
                  </a:cubicBezTo>
                  <a:cubicBezTo>
                    <a:pt x="59" y="318"/>
                    <a:pt x="72" y="306"/>
                    <a:pt x="88" y="305"/>
                  </a:cubicBezTo>
                  <a:cubicBezTo>
                    <a:pt x="148" y="299"/>
                    <a:pt x="207" y="297"/>
                    <a:pt x="267" y="298"/>
                  </a:cubicBezTo>
                  <a:cubicBezTo>
                    <a:pt x="245" y="333"/>
                    <a:pt x="233" y="373"/>
                    <a:pt x="233" y="417"/>
                  </a:cubicBezTo>
                  <a:cubicBezTo>
                    <a:pt x="233" y="479"/>
                    <a:pt x="258" y="535"/>
                    <a:pt x="299" y="575"/>
                  </a:cubicBezTo>
                  <a:cubicBezTo>
                    <a:pt x="301" y="578"/>
                    <a:pt x="304" y="581"/>
                    <a:pt x="306" y="583"/>
                  </a:cubicBezTo>
                  <a:cubicBezTo>
                    <a:pt x="221" y="590"/>
                    <a:pt x="136" y="588"/>
                    <a:pt x="51" y="579"/>
                  </a:cubicBezTo>
                  <a:cubicBezTo>
                    <a:pt x="35" y="578"/>
                    <a:pt x="21" y="566"/>
                    <a:pt x="21" y="549"/>
                  </a:cubicBezTo>
                  <a:cubicBezTo>
                    <a:pt x="21" y="526"/>
                    <a:pt x="21" y="501"/>
                    <a:pt x="21" y="477"/>
                  </a:cubicBezTo>
                  <a:cubicBezTo>
                    <a:pt x="21" y="461"/>
                    <a:pt x="35" y="449"/>
                    <a:pt x="51" y="448"/>
                  </a:cubicBezTo>
                  <a:close/>
                  <a:moveTo>
                    <a:pt x="442" y="265"/>
                  </a:moveTo>
                  <a:lnTo>
                    <a:pt x="442" y="265"/>
                  </a:lnTo>
                  <a:cubicBezTo>
                    <a:pt x="454" y="263"/>
                    <a:pt x="467" y="262"/>
                    <a:pt x="479" y="265"/>
                  </a:cubicBezTo>
                  <a:cubicBezTo>
                    <a:pt x="478" y="271"/>
                    <a:pt x="478" y="278"/>
                    <a:pt x="477" y="284"/>
                  </a:cubicBezTo>
                  <a:cubicBezTo>
                    <a:pt x="466" y="283"/>
                    <a:pt x="455" y="283"/>
                    <a:pt x="444" y="284"/>
                  </a:cubicBezTo>
                  <a:cubicBezTo>
                    <a:pt x="443" y="278"/>
                    <a:pt x="443" y="271"/>
                    <a:pt x="442" y="265"/>
                  </a:cubicBezTo>
                  <a:close/>
                  <a:moveTo>
                    <a:pt x="510" y="384"/>
                  </a:moveTo>
                  <a:lnTo>
                    <a:pt x="510" y="384"/>
                  </a:lnTo>
                  <a:lnTo>
                    <a:pt x="467" y="384"/>
                  </a:lnTo>
                  <a:lnTo>
                    <a:pt x="467" y="377"/>
                  </a:lnTo>
                  <a:cubicBezTo>
                    <a:pt x="467" y="369"/>
                    <a:pt x="466" y="364"/>
                    <a:pt x="465" y="362"/>
                  </a:cubicBezTo>
                  <a:cubicBezTo>
                    <a:pt x="464" y="360"/>
                    <a:pt x="462" y="359"/>
                    <a:pt x="459" y="359"/>
                  </a:cubicBezTo>
                  <a:cubicBezTo>
                    <a:pt x="456" y="359"/>
                    <a:pt x="454" y="359"/>
                    <a:pt x="453" y="362"/>
                  </a:cubicBezTo>
                  <a:cubicBezTo>
                    <a:pt x="452" y="364"/>
                    <a:pt x="451" y="367"/>
                    <a:pt x="451" y="371"/>
                  </a:cubicBezTo>
                  <a:cubicBezTo>
                    <a:pt x="451" y="377"/>
                    <a:pt x="452" y="382"/>
                    <a:pt x="455" y="385"/>
                  </a:cubicBezTo>
                  <a:cubicBezTo>
                    <a:pt x="458" y="388"/>
                    <a:pt x="466" y="393"/>
                    <a:pt x="478" y="401"/>
                  </a:cubicBezTo>
                  <a:cubicBezTo>
                    <a:pt x="489" y="407"/>
                    <a:pt x="497" y="413"/>
                    <a:pt x="501" y="416"/>
                  </a:cubicBezTo>
                  <a:cubicBezTo>
                    <a:pt x="505" y="420"/>
                    <a:pt x="508" y="425"/>
                    <a:pt x="511" y="431"/>
                  </a:cubicBezTo>
                  <a:cubicBezTo>
                    <a:pt x="514" y="437"/>
                    <a:pt x="515" y="445"/>
                    <a:pt x="515" y="455"/>
                  </a:cubicBezTo>
                  <a:cubicBezTo>
                    <a:pt x="515" y="471"/>
                    <a:pt x="512" y="483"/>
                    <a:pt x="504" y="491"/>
                  </a:cubicBezTo>
                  <a:cubicBezTo>
                    <a:pt x="497" y="500"/>
                    <a:pt x="485" y="506"/>
                    <a:pt x="471" y="508"/>
                  </a:cubicBezTo>
                  <a:lnTo>
                    <a:pt x="471" y="524"/>
                  </a:lnTo>
                  <a:lnTo>
                    <a:pt x="451" y="524"/>
                  </a:lnTo>
                  <a:lnTo>
                    <a:pt x="451" y="507"/>
                  </a:lnTo>
                  <a:cubicBezTo>
                    <a:pt x="439" y="506"/>
                    <a:pt x="429" y="502"/>
                    <a:pt x="420" y="494"/>
                  </a:cubicBezTo>
                  <a:cubicBezTo>
                    <a:pt x="412" y="486"/>
                    <a:pt x="407" y="473"/>
                    <a:pt x="407" y="453"/>
                  </a:cubicBezTo>
                  <a:lnTo>
                    <a:pt x="407" y="445"/>
                  </a:lnTo>
                  <a:lnTo>
                    <a:pt x="451" y="445"/>
                  </a:lnTo>
                  <a:lnTo>
                    <a:pt x="451" y="456"/>
                  </a:lnTo>
                  <a:cubicBezTo>
                    <a:pt x="451" y="467"/>
                    <a:pt x="451" y="474"/>
                    <a:pt x="452" y="477"/>
                  </a:cubicBezTo>
                  <a:cubicBezTo>
                    <a:pt x="453" y="480"/>
                    <a:pt x="455" y="481"/>
                    <a:pt x="458" y="481"/>
                  </a:cubicBezTo>
                  <a:cubicBezTo>
                    <a:pt x="461" y="481"/>
                    <a:pt x="464" y="480"/>
                    <a:pt x="465" y="478"/>
                  </a:cubicBezTo>
                  <a:cubicBezTo>
                    <a:pt x="466" y="476"/>
                    <a:pt x="467" y="473"/>
                    <a:pt x="467" y="470"/>
                  </a:cubicBezTo>
                  <a:cubicBezTo>
                    <a:pt x="467" y="460"/>
                    <a:pt x="466" y="453"/>
                    <a:pt x="465" y="449"/>
                  </a:cubicBezTo>
                  <a:cubicBezTo>
                    <a:pt x="464" y="445"/>
                    <a:pt x="459" y="440"/>
                    <a:pt x="451" y="435"/>
                  </a:cubicBezTo>
                  <a:cubicBezTo>
                    <a:pt x="438" y="427"/>
                    <a:pt x="429" y="421"/>
                    <a:pt x="424" y="417"/>
                  </a:cubicBezTo>
                  <a:cubicBezTo>
                    <a:pt x="420" y="413"/>
                    <a:pt x="415" y="408"/>
                    <a:pt x="412" y="401"/>
                  </a:cubicBezTo>
                  <a:cubicBezTo>
                    <a:pt x="408" y="393"/>
                    <a:pt x="407" y="385"/>
                    <a:pt x="407" y="377"/>
                  </a:cubicBezTo>
                  <a:cubicBezTo>
                    <a:pt x="407" y="364"/>
                    <a:pt x="410" y="354"/>
                    <a:pt x="418" y="346"/>
                  </a:cubicBezTo>
                  <a:cubicBezTo>
                    <a:pt x="425" y="339"/>
                    <a:pt x="436" y="334"/>
                    <a:pt x="451" y="333"/>
                  </a:cubicBezTo>
                  <a:lnTo>
                    <a:pt x="451" y="319"/>
                  </a:lnTo>
                  <a:lnTo>
                    <a:pt x="471" y="319"/>
                  </a:lnTo>
                  <a:lnTo>
                    <a:pt x="471" y="333"/>
                  </a:lnTo>
                  <a:cubicBezTo>
                    <a:pt x="484" y="334"/>
                    <a:pt x="494" y="339"/>
                    <a:pt x="501" y="346"/>
                  </a:cubicBezTo>
                  <a:cubicBezTo>
                    <a:pt x="507" y="353"/>
                    <a:pt x="511" y="363"/>
                    <a:pt x="511" y="376"/>
                  </a:cubicBezTo>
                  <a:cubicBezTo>
                    <a:pt x="511" y="378"/>
                    <a:pt x="510" y="381"/>
                    <a:pt x="510" y="384"/>
                  </a:cubicBezTo>
                  <a:close/>
                  <a:moveTo>
                    <a:pt x="411" y="271"/>
                  </a:moveTo>
                  <a:lnTo>
                    <a:pt x="411" y="271"/>
                  </a:lnTo>
                  <a:lnTo>
                    <a:pt x="410" y="271"/>
                  </a:lnTo>
                  <a:lnTo>
                    <a:pt x="409" y="271"/>
                  </a:lnTo>
                  <a:lnTo>
                    <a:pt x="408" y="272"/>
                  </a:lnTo>
                  <a:lnTo>
                    <a:pt x="407" y="272"/>
                  </a:lnTo>
                  <a:lnTo>
                    <a:pt x="406" y="272"/>
                  </a:lnTo>
                  <a:lnTo>
                    <a:pt x="405" y="273"/>
                  </a:lnTo>
                  <a:lnTo>
                    <a:pt x="405" y="273"/>
                  </a:lnTo>
                  <a:lnTo>
                    <a:pt x="404" y="273"/>
                  </a:lnTo>
                  <a:lnTo>
                    <a:pt x="403" y="274"/>
                  </a:lnTo>
                  <a:lnTo>
                    <a:pt x="402" y="274"/>
                  </a:lnTo>
                  <a:lnTo>
                    <a:pt x="401" y="274"/>
                  </a:lnTo>
                  <a:lnTo>
                    <a:pt x="400" y="275"/>
                  </a:lnTo>
                  <a:lnTo>
                    <a:pt x="399" y="275"/>
                  </a:lnTo>
                  <a:lnTo>
                    <a:pt x="398" y="275"/>
                  </a:lnTo>
                  <a:lnTo>
                    <a:pt x="398" y="276"/>
                  </a:lnTo>
                  <a:lnTo>
                    <a:pt x="397" y="276"/>
                  </a:lnTo>
                  <a:lnTo>
                    <a:pt x="396" y="277"/>
                  </a:lnTo>
                  <a:lnTo>
                    <a:pt x="395" y="277"/>
                  </a:lnTo>
                  <a:lnTo>
                    <a:pt x="394" y="277"/>
                  </a:lnTo>
                  <a:lnTo>
                    <a:pt x="393" y="278"/>
                  </a:lnTo>
                  <a:lnTo>
                    <a:pt x="393" y="278"/>
                  </a:lnTo>
                  <a:lnTo>
                    <a:pt x="401" y="294"/>
                  </a:lnTo>
                  <a:lnTo>
                    <a:pt x="401" y="294"/>
                  </a:lnTo>
                  <a:lnTo>
                    <a:pt x="401" y="293"/>
                  </a:lnTo>
                  <a:lnTo>
                    <a:pt x="402" y="293"/>
                  </a:lnTo>
                  <a:lnTo>
                    <a:pt x="403" y="293"/>
                  </a:lnTo>
                  <a:lnTo>
                    <a:pt x="404" y="292"/>
                  </a:lnTo>
                  <a:lnTo>
                    <a:pt x="404" y="292"/>
                  </a:lnTo>
                  <a:lnTo>
                    <a:pt x="405" y="292"/>
                  </a:lnTo>
                  <a:lnTo>
                    <a:pt x="406" y="291"/>
                  </a:lnTo>
                  <a:lnTo>
                    <a:pt x="407" y="291"/>
                  </a:lnTo>
                  <a:lnTo>
                    <a:pt x="407" y="291"/>
                  </a:lnTo>
                  <a:lnTo>
                    <a:pt x="408" y="290"/>
                  </a:lnTo>
                  <a:lnTo>
                    <a:pt x="409" y="290"/>
                  </a:lnTo>
                  <a:lnTo>
                    <a:pt x="410" y="290"/>
                  </a:lnTo>
                  <a:lnTo>
                    <a:pt x="411" y="290"/>
                  </a:lnTo>
                  <a:lnTo>
                    <a:pt x="411" y="289"/>
                  </a:lnTo>
                  <a:lnTo>
                    <a:pt x="412" y="289"/>
                  </a:lnTo>
                  <a:lnTo>
                    <a:pt x="413" y="289"/>
                  </a:lnTo>
                  <a:lnTo>
                    <a:pt x="414" y="288"/>
                  </a:lnTo>
                  <a:lnTo>
                    <a:pt x="414" y="288"/>
                  </a:lnTo>
                  <a:lnTo>
                    <a:pt x="415" y="288"/>
                  </a:lnTo>
                  <a:lnTo>
                    <a:pt x="416" y="288"/>
                  </a:lnTo>
                  <a:lnTo>
                    <a:pt x="411" y="271"/>
                  </a:lnTo>
                  <a:close/>
                  <a:moveTo>
                    <a:pt x="361" y="297"/>
                  </a:moveTo>
                  <a:lnTo>
                    <a:pt x="361" y="297"/>
                  </a:lnTo>
                  <a:lnTo>
                    <a:pt x="361" y="297"/>
                  </a:lnTo>
                  <a:lnTo>
                    <a:pt x="360" y="298"/>
                  </a:lnTo>
                  <a:lnTo>
                    <a:pt x="360" y="299"/>
                  </a:lnTo>
                  <a:lnTo>
                    <a:pt x="359" y="299"/>
                  </a:lnTo>
                  <a:lnTo>
                    <a:pt x="358" y="300"/>
                  </a:lnTo>
                  <a:lnTo>
                    <a:pt x="358" y="300"/>
                  </a:lnTo>
                  <a:lnTo>
                    <a:pt x="357" y="301"/>
                  </a:lnTo>
                  <a:lnTo>
                    <a:pt x="356" y="302"/>
                  </a:lnTo>
                  <a:lnTo>
                    <a:pt x="356" y="302"/>
                  </a:lnTo>
                  <a:lnTo>
                    <a:pt x="355" y="303"/>
                  </a:lnTo>
                  <a:lnTo>
                    <a:pt x="354" y="304"/>
                  </a:lnTo>
                  <a:lnTo>
                    <a:pt x="354" y="304"/>
                  </a:lnTo>
                  <a:lnTo>
                    <a:pt x="353" y="305"/>
                  </a:lnTo>
                  <a:lnTo>
                    <a:pt x="352" y="305"/>
                  </a:lnTo>
                  <a:lnTo>
                    <a:pt x="352" y="306"/>
                  </a:lnTo>
                  <a:lnTo>
                    <a:pt x="351" y="307"/>
                  </a:lnTo>
                  <a:lnTo>
                    <a:pt x="350" y="307"/>
                  </a:lnTo>
                  <a:lnTo>
                    <a:pt x="350" y="308"/>
                  </a:lnTo>
                  <a:lnTo>
                    <a:pt x="349" y="309"/>
                  </a:lnTo>
                  <a:lnTo>
                    <a:pt x="348" y="309"/>
                  </a:lnTo>
                  <a:lnTo>
                    <a:pt x="348" y="310"/>
                  </a:lnTo>
                  <a:lnTo>
                    <a:pt x="360" y="322"/>
                  </a:lnTo>
                  <a:lnTo>
                    <a:pt x="361" y="322"/>
                  </a:lnTo>
                  <a:lnTo>
                    <a:pt x="361" y="321"/>
                  </a:lnTo>
                  <a:lnTo>
                    <a:pt x="362" y="320"/>
                  </a:lnTo>
                  <a:lnTo>
                    <a:pt x="363" y="320"/>
                  </a:lnTo>
                  <a:lnTo>
                    <a:pt x="363" y="319"/>
                  </a:lnTo>
                  <a:lnTo>
                    <a:pt x="364" y="319"/>
                  </a:lnTo>
                  <a:lnTo>
                    <a:pt x="364" y="318"/>
                  </a:lnTo>
                  <a:lnTo>
                    <a:pt x="365" y="318"/>
                  </a:lnTo>
                  <a:lnTo>
                    <a:pt x="365" y="317"/>
                  </a:lnTo>
                  <a:lnTo>
                    <a:pt x="366" y="317"/>
                  </a:lnTo>
                  <a:lnTo>
                    <a:pt x="367" y="316"/>
                  </a:lnTo>
                  <a:lnTo>
                    <a:pt x="367" y="315"/>
                  </a:lnTo>
                  <a:lnTo>
                    <a:pt x="368" y="315"/>
                  </a:lnTo>
                  <a:lnTo>
                    <a:pt x="368" y="314"/>
                  </a:lnTo>
                  <a:lnTo>
                    <a:pt x="369" y="314"/>
                  </a:lnTo>
                  <a:lnTo>
                    <a:pt x="370" y="313"/>
                  </a:lnTo>
                  <a:lnTo>
                    <a:pt x="370" y="313"/>
                  </a:lnTo>
                  <a:lnTo>
                    <a:pt x="371" y="312"/>
                  </a:lnTo>
                  <a:lnTo>
                    <a:pt x="372" y="312"/>
                  </a:lnTo>
                  <a:lnTo>
                    <a:pt x="372" y="311"/>
                  </a:lnTo>
                  <a:lnTo>
                    <a:pt x="373" y="311"/>
                  </a:lnTo>
                  <a:lnTo>
                    <a:pt x="361" y="297"/>
                  </a:lnTo>
                  <a:close/>
                  <a:moveTo>
                    <a:pt x="325" y="339"/>
                  </a:moveTo>
                  <a:lnTo>
                    <a:pt x="325" y="339"/>
                  </a:lnTo>
                  <a:lnTo>
                    <a:pt x="325" y="340"/>
                  </a:lnTo>
                  <a:lnTo>
                    <a:pt x="324" y="341"/>
                  </a:lnTo>
                  <a:lnTo>
                    <a:pt x="324" y="341"/>
                  </a:lnTo>
                  <a:lnTo>
                    <a:pt x="323" y="342"/>
                  </a:lnTo>
                  <a:lnTo>
                    <a:pt x="323" y="343"/>
                  </a:lnTo>
                  <a:lnTo>
                    <a:pt x="323" y="344"/>
                  </a:lnTo>
                  <a:lnTo>
                    <a:pt x="322" y="345"/>
                  </a:lnTo>
                  <a:lnTo>
                    <a:pt x="322" y="345"/>
                  </a:lnTo>
                  <a:lnTo>
                    <a:pt x="321" y="346"/>
                  </a:lnTo>
                  <a:lnTo>
                    <a:pt x="321" y="347"/>
                  </a:lnTo>
                  <a:lnTo>
                    <a:pt x="320" y="348"/>
                  </a:lnTo>
                  <a:lnTo>
                    <a:pt x="320" y="349"/>
                  </a:lnTo>
                  <a:lnTo>
                    <a:pt x="320" y="350"/>
                  </a:lnTo>
                  <a:lnTo>
                    <a:pt x="319" y="350"/>
                  </a:lnTo>
                  <a:lnTo>
                    <a:pt x="319" y="351"/>
                  </a:lnTo>
                  <a:lnTo>
                    <a:pt x="318" y="352"/>
                  </a:lnTo>
                  <a:lnTo>
                    <a:pt x="318" y="353"/>
                  </a:lnTo>
                  <a:lnTo>
                    <a:pt x="318" y="354"/>
                  </a:lnTo>
                  <a:lnTo>
                    <a:pt x="317" y="355"/>
                  </a:lnTo>
                  <a:lnTo>
                    <a:pt x="317" y="356"/>
                  </a:lnTo>
                  <a:lnTo>
                    <a:pt x="317" y="356"/>
                  </a:lnTo>
                  <a:lnTo>
                    <a:pt x="333" y="363"/>
                  </a:lnTo>
                  <a:lnTo>
                    <a:pt x="333" y="363"/>
                  </a:lnTo>
                  <a:lnTo>
                    <a:pt x="333" y="362"/>
                  </a:lnTo>
                  <a:lnTo>
                    <a:pt x="334" y="361"/>
                  </a:lnTo>
                  <a:lnTo>
                    <a:pt x="334" y="360"/>
                  </a:lnTo>
                  <a:lnTo>
                    <a:pt x="334" y="360"/>
                  </a:lnTo>
                  <a:lnTo>
                    <a:pt x="335" y="359"/>
                  </a:lnTo>
                  <a:lnTo>
                    <a:pt x="335" y="358"/>
                  </a:lnTo>
                  <a:lnTo>
                    <a:pt x="335" y="357"/>
                  </a:lnTo>
                  <a:lnTo>
                    <a:pt x="336" y="357"/>
                  </a:lnTo>
                  <a:lnTo>
                    <a:pt x="336" y="356"/>
                  </a:lnTo>
                  <a:lnTo>
                    <a:pt x="336" y="355"/>
                  </a:lnTo>
                  <a:lnTo>
                    <a:pt x="337" y="354"/>
                  </a:lnTo>
                  <a:lnTo>
                    <a:pt x="337" y="354"/>
                  </a:lnTo>
                  <a:lnTo>
                    <a:pt x="338" y="353"/>
                  </a:lnTo>
                  <a:lnTo>
                    <a:pt x="338" y="352"/>
                  </a:lnTo>
                  <a:lnTo>
                    <a:pt x="338" y="351"/>
                  </a:lnTo>
                  <a:lnTo>
                    <a:pt x="339" y="351"/>
                  </a:lnTo>
                  <a:lnTo>
                    <a:pt x="339" y="350"/>
                  </a:lnTo>
                  <a:lnTo>
                    <a:pt x="340" y="349"/>
                  </a:lnTo>
                  <a:lnTo>
                    <a:pt x="340" y="349"/>
                  </a:lnTo>
                  <a:lnTo>
                    <a:pt x="340" y="348"/>
                  </a:lnTo>
                  <a:lnTo>
                    <a:pt x="325" y="339"/>
                  </a:lnTo>
                  <a:close/>
                  <a:moveTo>
                    <a:pt x="306" y="392"/>
                  </a:moveTo>
                  <a:lnTo>
                    <a:pt x="306" y="392"/>
                  </a:lnTo>
                  <a:lnTo>
                    <a:pt x="306" y="393"/>
                  </a:lnTo>
                  <a:lnTo>
                    <a:pt x="306" y="394"/>
                  </a:lnTo>
                  <a:lnTo>
                    <a:pt x="306" y="394"/>
                  </a:lnTo>
                  <a:lnTo>
                    <a:pt x="306" y="395"/>
                  </a:lnTo>
                  <a:lnTo>
                    <a:pt x="305" y="396"/>
                  </a:lnTo>
                  <a:lnTo>
                    <a:pt x="305" y="397"/>
                  </a:lnTo>
                  <a:lnTo>
                    <a:pt x="305" y="398"/>
                  </a:lnTo>
                  <a:lnTo>
                    <a:pt x="305" y="399"/>
                  </a:lnTo>
                  <a:lnTo>
                    <a:pt x="305" y="400"/>
                  </a:lnTo>
                  <a:lnTo>
                    <a:pt x="305" y="401"/>
                  </a:lnTo>
                  <a:lnTo>
                    <a:pt x="305" y="402"/>
                  </a:lnTo>
                  <a:lnTo>
                    <a:pt x="305" y="403"/>
                  </a:lnTo>
                  <a:lnTo>
                    <a:pt x="305" y="404"/>
                  </a:lnTo>
                  <a:lnTo>
                    <a:pt x="304" y="405"/>
                  </a:lnTo>
                  <a:lnTo>
                    <a:pt x="304" y="406"/>
                  </a:lnTo>
                  <a:lnTo>
                    <a:pt x="304" y="407"/>
                  </a:lnTo>
                  <a:lnTo>
                    <a:pt x="304" y="408"/>
                  </a:lnTo>
                  <a:lnTo>
                    <a:pt x="304" y="409"/>
                  </a:lnTo>
                  <a:lnTo>
                    <a:pt x="304" y="410"/>
                  </a:lnTo>
                  <a:lnTo>
                    <a:pt x="304" y="410"/>
                  </a:lnTo>
                  <a:lnTo>
                    <a:pt x="322" y="411"/>
                  </a:lnTo>
                  <a:lnTo>
                    <a:pt x="322" y="411"/>
                  </a:lnTo>
                  <a:lnTo>
                    <a:pt x="322" y="410"/>
                  </a:lnTo>
                  <a:lnTo>
                    <a:pt x="322" y="409"/>
                  </a:lnTo>
                  <a:lnTo>
                    <a:pt x="322" y="408"/>
                  </a:lnTo>
                  <a:lnTo>
                    <a:pt x="322" y="407"/>
                  </a:lnTo>
                  <a:lnTo>
                    <a:pt x="322" y="406"/>
                  </a:lnTo>
                  <a:lnTo>
                    <a:pt x="322" y="406"/>
                  </a:lnTo>
                  <a:lnTo>
                    <a:pt x="322" y="405"/>
                  </a:lnTo>
                  <a:lnTo>
                    <a:pt x="322" y="404"/>
                  </a:lnTo>
                  <a:lnTo>
                    <a:pt x="322" y="403"/>
                  </a:lnTo>
                  <a:lnTo>
                    <a:pt x="322" y="402"/>
                  </a:lnTo>
                  <a:lnTo>
                    <a:pt x="323" y="401"/>
                  </a:lnTo>
                  <a:lnTo>
                    <a:pt x="323" y="400"/>
                  </a:lnTo>
                  <a:lnTo>
                    <a:pt x="323" y="400"/>
                  </a:lnTo>
                  <a:lnTo>
                    <a:pt x="323" y="399"/>
                  </a:lnTo>
                  <a:lnTo>
                    <a:pt x="323" y="398"/>
                  </a:lnTo>
                  <a:lnTo>
                    <a:pt x="323" y="397"/>
                  </a:lnTo>
                  <a:lnTo>
                    <a:pt x="323" y="396"/>
                  </a:lnTo>
                  <a:lnTo>
                    <a:pt x="323" y="395"/>
                  </a:lnTo>
                  <a:lnTo>
                    <a:pt x="323" y="395"/>
                  </a:lnTo>
                  <a:lnTo>
                    <a:pt x="306" y="392"/>
                  </a:lnTo>
                  <a:close/>
                  <a:moveTo>
                    <a:pt x="307" y="447"/>
                  </a:moveTo>
                  <a:lnTo>
                    <a:pt x="307" y="447"/>
                  </a:lnTo>
                  <a:lnTo>
                    <a:pt x="307" y="448"/>
                  </a:lnTo>
                  <a:lnTo>
                    <a:pt x="307" y="449"/>
                  </a:lnTo>
                  <a:lnTo>
                    <a:pt x="308" y="450"/>
                  </a:lnTo>
                  <a:lnTo>
                    <a:pt x="308" y="450"/>
                  </a:lnTo>
                  <a:lnTo>
                    <a:pt x="308" y="451"/>
                  </a:lnTo>
                  <a:lnTo>
                    <a:pt x="308" y="452"/>
                  </a:lnTo>
                  <a:lnTo>
                    <a:pt x="308" y="453"/>
                  </a:lnTo>
                  <a:lnTo>
                    <a:pt x="309" y="454"/>
                  </a:lnTo>
                  <a:lnTo>
                    <a:pt x="309" y="455"/>
                  </a:lnTo>
                  <a:lnTo>
                    <a:pt x="309" y="456"/>
                  </a:lnTo>
                  <a:lnTo>
                    <a:pt x="309" y="457"/>
                  </a:lnTo>
                  <a:lnTo>
                    <a:pt x="310" y="458"/>
                  </a:lnTo>
                  <a:lnTo>
                    <a:pt x="310" y="459"/>
                  </a:lnTo>
                  <a:lnTo>
                    <a:pt x="310" y="460"/>
                  </a:lnTo>
                  <a:lnTo>
                    <a:pt x="310" y="461"/>
                  </a:lnTo>
                  <a:lnTo>
                    <a:pt x="311" y="461"/>
                  </a:lnTo>
                  <a:lnTo>
                    <a:pt x="311" y="462"/>
                  </a:lnTo>
                  <a:lnTo>
                    <a:pt x="311" y="463"/>
                  </a:lnTo>
                  <a:lnTo>
                    <a:pt x="312" y="464"/>
                  </a:lnTo>
                  <a:lnTo>
                    <a:pt x="312" y="465"/>
                  </a:lnTo>
                  <a:lnTo>
                    <a:pt x="312" y="465"/>
                  </a:lnTo>
                  <a:lnTo>
                    <a:pt x="329" y="460"/>
                  </a:lnTo>
                  <a:lnTo>
                    <a:pt x="328" y="459"/>
                  </a:lnTo>
                  <a:lnTo>
                    <a:pt x="328" y="459"/>
                  </a:lnTo>
                  <a:lnTo>
                    <a:pt x="328" y="458"/>
                  </a:lnTo>
                  <a:lnTo>
                    <a:pt x="328" y="457"/>
                  </a:lnTo>
                  <a:lnTo>
                    <a:pt x="328" y="456"/>
                  </a:lnTo>
                  <a:lnTo>
                    <a:pt x="327" y="456"/>
                  </a:lnTo>
                  <a:lnTo>
                    <a:pt x="327" y="455"/>
                  </a:lnTo>
                  <a:lnTo>
                    <a:pt x="327" y="454"/>
                  </a:lnTo>
                  <a:lnTo>
                    <a:pt x="327" y="453"/>
                  </a:lnTo>
                  <a:lnTo>
                    <a:pt x="326" y="452"/>
                  </a:lnTo>
                  <a:lnTo>
                    <a:pt x="326" y="452"/>
                  </a:lnTo>
                  <a:lnTo>
                    <a:pt x="326" y="451"/>
                  </a:lnTo>
                  <a:lnTo>
                    <a:pt x="326" y="450"/>
                  </a:lnTo>
                  <a:lnTo>
                    <a:pt x="325" y="449"/>
                  </a:lnTo>
                  <a:lnTo>
                    <a:pt x="325" y="448"/>
                  </a:lnTo>
                  <a:lnTo>
                    <a:pt x="325" y="447"/>
                  </a:lnTo>
                  <a:lnTo>
                    <a:pt x="325" y="447"/>
                  </a:lnTo>
                  <a:lnTo>
                    <a:pt x="325" y="446"/>
                  </a:lnTo>
                  <a:lnTo>
                    <a:pt x="325" y="445"/>
                  </a:lnTo>
                  <a:lnTo>
                    <a:pt x="324" y="444"/>
                  </a:lnTo>
                  <a:lnTo>
                    <a:pt x="324" y="444"/>
                  </a:lnTo>
                  <a:lnTo>
                    <a:pt x="307" y="447"/>
                  </a:lnTo>
                  <a:close/>
                  <a:moveTo>
                    <a:pt x="328" y="499"/>
                  </a:moveTo>
                  <a:lnTo>
                    <a:pt x="328" y="499"/>
                  </a:lnTo>
                  <a:lnTo>
                    <a:pt x="328" y="499"/>
                  </a:lnTo>
                  <a:lnTo>
                    <a:pt x="329" y="500"/>
                  </a:lnTo>
                  <a:lnTo>
                    <a:pt x="329" y="501"/>
                  </a:lnTo>
                  <a:lnTo>
                    <a:pt x="330" y="502"/>
                  </a:lnTo>
                  <a:lnTo>
                    <a:pt x="330" y="502"/>
                  </a:lnTo>
                  <a:lnTo>
                    <a:pt x="331" y="503"/>
                  </a:lnTo>
                  <a:lnTo>
                    <a:pt x="331" y="504"/>
                  </a:lnTo>
                  <a:lnTo>
                    <a:pt x="332" y="505"/>
                  </a:lnTo>
                  <a:lnTo>
                    <a:pt x="332" y="505"/>
                  </a:lnTo>
                  <a:lnTo>
                    <a:pt x="333" y="506"/>
                  </a:lnTo>
                  <a:lnTo>
                    <a:pt x="333" y="507"/>
                  </a:lnTo>
                  <a:lnTo>
                    <a:pt x="334" y="508"/>
                  </a:lnTo>
                  <a:lnTo>
                    <a:pt x="334" y="508"/>
                  </a:lnTo>
                  <a:lnTo>
                    <a:pt x="335" y="509"/>
                  </a:lnTo>
                  <a:lnTo>
                    <a:pt x="336" y="510"/>
                  </a:lnTo>
                  <a:lnTo>
                    <a:pt x="336" y="511"/>
                  </a:lnTo>
                  <a:lnTo>
                    <a:pt x="337" y="511"/>
                  </a:lnTo>
                  <a:lnTo>
                    <a:pt x="337" y="512"/>
                  </a:lnTo>
                  <a:lnTo>
                    <a:pt x="338" y="513"/>
                  </a:lnTo>
                  <a:lnTo>
                    <a:pt x="338" y="514"/>
                  </a:lnTo>
                  <a:lnTo>
                    <a:pt x="339" y="514"/>
                  </a:lnTo>
                  <a:lnTo>
                    <a:pt x="353" y="503"/>
                  </a:lnTo>
                  <a:lnTo>
                    <a:pt x="352" y="502"/>
                  </a:lnTo>
                  <a:lnTo>
                    <a:pt x="352" y="502"/>
                  </a:lnTo>
                  <a:lnTo>
                    <a:pt x="351" y="501"/>
                  </a:lnTo>
                  <a:lnTo>
                    <a:pt x="351" y="500"/>
                  </a:lnTo>
                  <a:lnTo>
                    <a:pt x="350" y="500"/>
                  </a:lnTo>
                  <a:lnTo>
                    <a:pt x="350" y="499"/>
                  </a:lnTo>
                  <a:lnTo>
                    <a:pt x="349" y="499"/>
                  </a:lnTo>
                  <a:lnTo>
                    <a:pt x="349" y="498"/>
                  </a:lnTo>
                  <a:lnTo>
                    <a:pt x="348" y="497"/>
                  </a:lnTo>
                  <a:lnTo>
                    <a:pt x="348" y="497"/>
                  </a:lnTo>
                  <a:lnTo>
                    <a:pt x="347" y="496"/>
                  </a:lnTo>
                  <a:lnTo>
                    <a:pt x="347" y="495"/>
                  </a:lnTo>
                  <a:lnTo>
                    <a:pt x="346" y="495"/>
                  </a:lnTo>
                  <a:lnTo>
                    <a:pt x="346" y="494"/>
                  </a:lnTo>
                  <a:lnTo>
                    <a:pt x="345" y="493"/>
                  </a:lnTo>
                  <a:lnTo>
                    <a:pt x="345" y="493"/>
                  </a:lnTo>
                  <a:lnTo>
                    <a:pt x="344" y="492"/>
                  </a:lnTo>
                  <a:lnTo>
                    <a:pt x="344" y="491"/>
                  </a:lnTo>
                  <a:lnTo>
                    <a:pt x="343" y="491"/>
                  </a:lnTo>
                  <a:lnTo>
                    <a:pt x="343" y="490"/>
                  </a:lnTo>
                  <a:lnTo>
                    <a:pt x="343" y="490"/>
                  </a:lnTo>
                  <a:lnTo>
                    <a:pt x="328" y="499"/>
                  </a:lnTo>
                  <a:close/>
                  <a:moveTo>
                    <a:pt x="366" y="540"/>
                  </a:moveTo>
                  <a:lnTo>
                    <a:pt x="366" y="540"/>
                  </a:lnTo>
                  <a:lnTo>
                    <a:pt x="366" y="540"/>
                  </a:lnTo>
                  <a:lnTo>
                    <a:pt x="367" y="541"/>
                  </a:lnTo>
                  <a:lnTo>
                    <a:pt x="368" y="541"/>
                  </a:lnTo>
                  <a:lnTo>
                    <a:pt x="369" y="542"/>
                  </a:lnTo>
                  <a:lnTo>
                    <a:pt x="369" y="542"/>
                  </a:lnTo>
                  <a:lnTo>
                    <a:pt x="370" y="543"/>
                  </a:lnTo>
                  <a:lnTo>
                    <a:pt x="371" y="543"/>
                  </a:lnTo>
                  <a:lnTo>
                    <a:pt x="372" y="544"/>
                  </a:lnTo>
                  <a:lnTo>
                    <a:pt x="372" y="544"/>
                  </a:lnTo>
                  <a:lnTo>
                    <a:pt x="373" y="545"/>
                  </a:lnTo>
                  <a:lnTo>
                    <a:pt x="374" y="545"/>
                  </a:lnTo>
                  <a:lnTo>
                    <a:pt x="375" y="546"/>
                  </a:lnTo>
                  <a:lnTo>
                    <a:pt x="375" y="546"/>
                  </a:lnTo>
                  <a:lnTo>
                    <a:pt x="376" y="547"/>
                  </a:lnTo>
                  <a:lnTo>
                    <a:pt x="377" y="547"/>
                  </a:lnTo>
                  <a:lnTo>
                    <a:pt x="378" y="548"/>
                  </a:lnTo>
                  <a:lnTo>
                    <a:pt x="379" y="548"/>
                  </a:lnTo>
                  <a:lnTo>
                    <a:pt x="379" y="549"/>
                  </a:lnTo>
                  <a:lnTo>
                    <a:pt x="380" y="549"/>
                  </a:lnTo>
                  <a:lnTo>
                    <a:pt x="381" y="550"/>
                  </a:lnTo>
                  <a:lnTo>
                    <a:pt x="382" y="550"/>
                  </a:lnTo>
                  <a:lnTo>
                    <a:pt x="390" y="535"/>
                  </a:lnTo>
                  <a:lnTo>
                    <a:pt x="390" y="534"/>
                  </a:lnTo>
                  <a:lnTo>
                    <a:pt x="389" y="534"/>
                  </a:lnTo>
                  <a:lnTo>
                    <a:pt x="388" y="534"/>
                  </a:lnTo>
                  <a:lnTo>
                    <a:pt x="388" y="533"/>
                  </a:lnTo>
                  <a:lnTo>
                    <a:pt x="387" y="533"/>
                  </a:lnTo>
                  <a:lnTo>
                    <a:pt x="386" y="532"/>
                  </a:lnTo>
                  <a:lnTo>
                    <a:pt x="385" y="532"/>
                  </a:lnTo>
                  <a:lnTo>
                    <a:pt x="385" y="531"/>
                  </a:lnTo>
                  <a:lnTo>
                    <a:pt x="384" y="531"/>
                  </a:lnTo>
                  <a:lnTo>
                    <a:pt x="383" y="531"/>
                  </a:lnTo>
                  <a:lnTo>
                    <a:pt x="383" y="530"/>
                  </a:lnTo>
                  <a:lnTo>
                    <a:pt x="382" y="530"/>
                  </a:lnTo>
                  <a:lnTo>
                    <a:pt x="381" y="529"/>
                  </a:lnTo>
                  <a:lnTo>
                    <a:pt x="381" y="529"/>
                  </a:lnTo>
                  <a:lnTo>
                    <a:pt x="380" y="528"/>
                  </a:lnTo>
                  <a:lnTo>
                    <a:pt x="379" y="528"/>
                  </a:lnTo>
                  <a:lnTo>
                    <a:pt x="379" y="527"/>
                  </a:lnTo>
                  <a:lnTo>
                    <a:pt x="378" y="527"/>
                  </a:lnTo>
                  <a:lnTo>
                    <a:pt x="377" y="526"/>
                  </a:lnTo>
                  <a:lnTo>
                    <a:pt x="377" y="526"/>
                  </a:lnTo>
                  <a:lnTo>
                    <a:pt x="376" y="526"/>
                  </a:lnTo>
                  <a:lnTo>
                    <a:pt x="366" y="540"/>
                  </a:lnTo>
                  <a:close/>
                  <a:moveTo>
                    <a:pt x="416" y="564"/>
                  </a:moveTo>
                  <a:lnTo>
                    <a:pt x="416" y="564"/>
                  </a:lnTo>
                  <a:lnTo>
                    <a:pt x="416" y="564"/>
                  </a:lnTo>
                  <a:lnTo>
                    <a:pt x="417" y="565"/>
                  </a:lnTo>
                  <a:lnTo>
                    <a:pt x="418" y="565"/>
                  </a:lnTo>
                  <a:lnTo>
                    <a:pt x="419" y="565"/>
                  </a:lnTo>
                  <a:lnTo>
                    <a:pt x="420" y="565"/>
                  </a:lnTo>
                  <a:lnTo>
                    <a:pt x="421" y="566"/>
                  </a:lnTo>
                  <a:lnTo>
                    <a:pt x="422" y="566"/>
                  </a:lnTo>
                  <a:lnTo>
                    <a:pt x="423" y="566"/>
                  </a:lnTo>
                  <a:lnTo>
                    <a:pt x="424" y="566"/>
                  </a:lnTo>
                  <a:lnTo>
                    <a:pt x="424" y="566"/>
                  </a:lnTo>
                  <a:lnTo>
                    <a:pt x="425" y="567"/>
                  </a:lnTo>
                  <a:lnTo>
                    <a:pt x="426" y="567"/>
                  </a:lnTo>
                  <a:lnTo>
                    <a:pt x="427" y="567"/>
                  </a:lnTo>
                  <a:lnTo>
                    <a:pt x="428" y="567"/>
                  </a:lnTo>
                  <a:lnTo>
                    <a:pt x="429" y="567"/>
                  </a:lnTo>
                  <a:lnTo>
                    <a:pt x="430" y="568"/>
                  </a:lnTo>
                  <a:lnTo>
                    <a:pt x="431" y="568"/>
                  </a:lnTo>
                  <a:lnTo>
                    <a:pt x="432" y="568"/>
                  </a:lnTo>
                  <a:lnTo>
                    <a:pt x="433" y="568"/>
                  </a:lnTo>
                  <a:lnTo>
                    <a:pt x="434" y="568"/>
                  </a:lnTo>
                  <a:lnTo>
                    <a:pt x="434" y="568"/>
                  </a:lnTo>
                  <a:lnTo>
                    <a:pt x="437" y="551"/>
                  </a:lnTo>
                  <a:lnTo>
                    <a:pt x="437" y="551"/>
                  </a:lnTo>
                  <a:lnTo>
                    <a:pt x="436" y="551"/>
                  </a:lnTo>
                  <a:lnTo>
                    <a:pt x="435" y="551"/>
                  </a:lnTo>
                  <a:lnTo>
                    <a:pt x="434" y="550"/>
                  </a:lnTo>
                  <a:lnTo>
                    <a:pt x="433" y="550"/>
                  </a:lnTo>
                  <a:lnTo>
                    <a:pt x="432" y="550"/>
                  </a:lnTo>
                  <a:lnTo>
                    <a:pt x="431" y="550"/>
                  </a:lnTo>
                  <a:lnTo>
                    <a:pt x="431" y="550"/>
                  </a:lnTo>
                  <a:lnTo>
                    <a:pt x="430" y="550"/>
                  </a:lnTo>
                  <a:lnTo>
                    <a:pt x="429" y="549"/>
                  </a:lnTo>
                  <a:lnTo>
                    <a:pt x="428" y="549"/>
                  </a:lnTo>
                  <a:lnTo>
                    <a:pt x="427" y="549"/>
                  </a:lnTo>
                  <a:lnTo>
                    <a:pt x="427" y="549"/>
                  </a:lnTo>
                  <a:lnTo>
                    <a:pt x="426" y="549"/>
                  </a:lnTo>
                  <a:lnTo>
                    <a:pt x="425" y="548"/>
                  </a:lnTo>
                  <a:lnTo>
                    <a:pt x="424" y="548"/>
                  </a:lnTo>
                  <a:lnTo>
                    <a:pt x="423" y="548"/>
                  </a:lnTo>
                  <a:lnTo>
                    <a:pt x="422" y="548"/>
                  </a:lnTo>
                  <a:lnTo>
                    <a:pt x="422" y="548"/>
                  </a:lnTo>
                  <a:lnTo>
                    <a:pt x="421" y="547"/>
                  </a:lnTo>
                  <a:lnTo>
                    <a:pt x="421" y="547"/>
                  </a:lnTo>
                  <a:lnTo>
                    <a:pt x="416" y="564"/>
                  </a:lnTo>
                  <a:close/>
                  <a:moveTo>
                    <a:pt x="471" y="569"/>
                  </a:moveTo>
                  <a:lnTo>
                    <a:pt x="471" y="569"/>
                  </a:lnTo>
                  <a:lnTo>
                    <a:pt x="472" y="569"/>
                  </a:lnTo>
                  <a:lnTo>
                    <a:pt x="473" y="569"/>
                  </a:lnTo>
                  <a:lnTo>
                    <a:pt x="474" y="569"/>
                  </a:lnTo>
                  <a:lnTo>
                    <a:pt x="475" y="569"/>
                  </a:lnTo>
                  <a:lnTo>
                    <a:pt x="476" y="569"/>
                  </a:lnTo>
                  <a:lnTo>
                    <a:pt x="477" y="569"/>
                  </a:lnTo>
                  <a:lnTo>
                    <a:pt x="478" y="569"/>
                  </a:lnTo>
                  <a:lnTo>
                    <a:pt x="479" y="568"/>
                  </a:lnTo>
                  <a:lnTo>
                    <a:pt x="480" y="568"/>
                  </a:lnTo>
                  <a:lnTo>
                    <a:pt x="480" y="568"/>
                  </a:lnTo>
                  <a:lnTo>
                    <a:pt x="481" y="568"/>
                  </a:lnTo>
                  <a:lnTo>
                    <a:pt x="482" y="568"/>
                  </a:lnTo>
                  <a:lnTo>
                    <a:pt x="483" y="568"/>
                  </a:lnTo>
                  <a:lnTo>
                    <a:pt x="484" y="568"/>
                  </a:lnTo>
                  <a:lnTo>
                    <a:pt x="485" y="567"/>
                  </a:lnTo>
                  <a:lnTo>
                    <a:pt x="486" y="567"/>
                  </a:lnTo>
                  <a:lnTo>
                    <a:pt x="487" y="567"/>
                  </a:lnTo>
                  <a:lnTo>
                    <a:pt x="488" y="567"/>
                  </a:lnTo>
                  <a:lnTo>
                    <a:pt x="489" y="567"/>
                  </a:lnTo>
                  <a:lnTo>
                    <a:pt x="490" y="566"/>
                  </a:lnTo>
                  <a:lnTo>
                    <a:pt x="490" y="566"/>
                  </a:lnTo>
                  <a:lnTo>
                    <a:pt x="486" y="549"/>
                  </a:lnTo>
                  <a:lnTo>
                    <a:pt x="486" y="549"/>
                  </a:lnTo>
                  <a:lnTo>
                    <a:pt x="485" y="549"/>
                  </a:lnTo>
                  <a:lnTo>
                    <a:pt x="485" y="550"/>
                  </a:lnTo>
                  <a:lnTo>
                    <a:pt x="484" y="550"/>
                  </a:lnTo>
                  <a:lnTo>
                    <a:pt x="483" y="550"/>
                  </a:lnTo>
                  <a:lnTo>
                    <a:pt x="482" y="550"/>
                  </a:lnTo>
                  <a:lnTo>
                    <a:pt x="481" y="550"/>
                  </a:lnTo>
                  <a:lnTo>
                    <a:pt x="480" y="550"/>
                  </a:lnTo>
                  <a:lnTo>
                    <a:pt x="479" y="551"/>
                  </a:lnTo>
                  <a:lnTo>
                    <a:pt x="479" y="551"/>
                  </a:lnTo>
                  <a:lnTo>
                    <a:pt x="478" y="551"/>
                  </a:lnTo>
                  <a:lnTo>
                    <a:pt x="477" y="551"/>
                  </a:lnTo>
                  <a:lnTo>
                    <a:pt x="476" y="551"/>
                  </a:lnTo>
                  <a:lnTo>
                    <a:pt x="475" y="551"/>
                  </a:lnTo>
                  <a:lnTo>
                    <a:pt x="474" y="551"/>
                  </a:lnTo>
                  <a:lnTo>
                    <a:pt x="474" y="551"/>
                  </a:lnTo>
                  <a:lnTo>
                    <a:pt x="473" y="551"/>
                  </a:lnTo>
                  <a:lnTo>
                    <a:pt x="472" y="552"/>
                  </a:lnTo>
                  <a:lnTo>
                    <a:pt x="471" y="552"/>
                  </a:lnTo>
                  <a:lnTo>
                    <a:pt x="470" y="552"/>
                  </a:lnTo>
                  <a:lnTo>
                    <a:pt x="470" y="552"/>
                  </a:lnTo>
                  <a:lnTo>
                    <a:pt x="471" y="569"/>
                  </a:lnTo>
                  <a:close/>
                  <a:moveTo>
                    <a:pt x="525" y="554"/>
                  </a:moveTo>
                  <a:lnTo>
                    <a:pt x="525" y="554"/>
                  </a:lnTo>
                  <a:lnTo>
                    <a:pt x="525" y="554"/>
                  </a:lnTo>
                  <a:lnTo>
                    <a:pt x="526" y="554"/>
                  </a:lnTo>
                  <a:lnTo>
                    <a:pt x="527" y="553"/>
                  </a:lnTo>
                  <a:lnTo>
                    <a:pt x="528" y="553"/>
                  </a:lnTo>
                  <a:lnTo>
                    <a:pt x="529" y="552"/>
                  </a:lnTo>
                  <a:lnTo>
                    <a:pt x="529" y="552"/>
                  </a:lnTo>
                  <a:lnTo>
                    <a:pt x="530" y="551"/>
                  </a:lnTo>
                  <a:lnTo>
                    <a:pt x="531" y="551"/>
                  </a:lnTo>
                  <a:lnTo>
                    <a:pt x="532" y="551"/>
                  </a:lnTo>
                  <a:lnTo>
                    <a:pt x="533" y="550"/>
                  </a:lnTo>
                  <a:lnTo>
                    <a:pt x="533" y="550"/>
                  </a:lnTo>
                  <a:lnTo>
                    <a:pt x="534" y="549"/>
                  </a:lnTo>
                  <a:lnTo>
                    <a:pt x="535" y="549"/>
                  </a:lnTo>
                  <a:lnTo>
                    <a:pt x="536" y="548"/>
                  </a:lnTo>
                  <a:lnTo>
                    <a:pt x="537" y="548"/>
                  </a:lnTo>
                  <a:lnTo>
                    <a:pt x="537" y="547"/>
                  </a:lnTo>
                  <a:lnTo>
                    <a:pt x="538" y="547"/>
                  </a:lnTo>
                  <a:lnTo>
                    <a:pt x="539" y="546"/>
                  </a:lnTo>
                  <a:lnTo>
                    <a:pt x="540" y="546"/>
                  </a:lnTo>
                  <a:lnTo>
                    <a:pt x="540" y="545"/>
                  </a:lnTo>
                  <a:lnTo>
                    <a:pt x="541" y="545"/>
                  </a:lnTo>
                  <a:lnTo>
                    <a:pt x="532" y="530"/>
                  </a:lnTo>
                  <a:lnTo>
                    <a:pt x="531" y="531"/>
                  </a:lnTo>
                  <a:lnTo>
                    <a:pt x="530" y="531"/>
                  </a:lnTo>
                  <a:lnTo>
                    <a:pt x="530" y="531"/>
                  </a:lnTo>
                  <a:lnTo>
                    <a:pt x="529" y="532"/>
                  </a:lnTo>
                  <a:lnTo>
                    <a:pt x="528" y="532"/>
                  </a:lnTo>
                  <a:lnTo>
                    <a:pt x="527" y="533"/>
                  </a:lnTo>
                  <a:lnTo>
                    <a:pt x="527" y="533"/>
                  </a:lnTo>
                  <a:lnTo>
                    <a:pt x="526" y="534"/>
                  </a:lnTo>
                  <a:lnTo>
                    <a:pt x="525" y="534"/>
                  </a:lnTo>
                  <a:lnTo>
                    <a:pt x="525" y="534"/>
                  </a:lnTo>
                  <a:lnTo>
                    <a:pt x="524" y="535"/>
                  </a:lnTo>
                  <a:lnTo>
                    <a:pt x="523" y="535"/>
                  </a:lnTo>
                  <a:lnTo>
                    <a:pt x="522" y="536"/>
                  </a:lnTo>
                  <a:lnTo>
                    <a:pt x="522" y="536"/>
                  </a:lnTo>
                  <a:lnTo>
                    <a:pt x="521" y="536"/>
                  </a:lnTo>
                  <a:lnTo>
                    <a:pt x="520" y="537"/>
                  </a:lnTo>
                  <a:lnTo>
                    <a:pt x="520" y="537"/>
                  </a:lnTo>
                  <a:lnTo>
                    <a:pt x="519" y="538"/>
                  </a:lnTo>
                  <a:lnTo>
                    <a:pt x="518" y="538"/>
                  </a:lnTo>
                  <a:lnTo>
                    <a:pt x="517" y="538"/>
                  </a:lnTo>
                  <a:lnTo>
                    <a:pt x="517" y="538"/>
                  </a:lnTo>
                  <a:lnTo>
                    <a:pt x="525" y="554"/>
                  </a:lnTo>
                  <a:close/>
                  <a:moveTo>
                    <a:pt x="570" y="521"/>
                  </a:moveTo>
                  <a:lnTo>
                    <a:pt x="570" y="521"/>
                  </a:lnTo>
                  <a:lnTo>
                    <a:pt x="570" y="520"/>
                  </a:lnTo>
                  <a:lnTo>
                    <a:pt x="570" y="520"/>
                  </a:lnTo>
                  <a:lnTo>
                    <a:pt x="571" y="519"/>
                  </a:lnTo>
                  <a:lnTo>
                    <a:pt x="572" y="518"/>
                  </a:lnTo>
                  <a:lnTo>
                    <a:pt x="572" y="518"/>
                  </a:lnTo>
                  <a:lnTo>
                    <a:pt x="573" y="517"/>
                  </a:lnTo>
                  <a:lnTo>
                    <a:pt x="574" y="516"/>
                  </a:lnTo>
                  <a:lnTo>
                    <a:pt x="574" y="516"/>
                  </a:lnTo>
                  <a:lnTo>
                    <a:pt x="575" y="515"/>
                  </a:lnTo>
                  <a:lnTo>
                    <a:pt x="575" y="514"/>
                  </a:lnTo>
                  <a:lnTo>
                    <a:pt x="576" y="514"/>
                  </a:lnTo>
                  <a:lnTo>
                    <a:pt x="576" y="513"/>
                  </a:lnTo>
                  <a:lnTo>
                    <a:pt x="577" y="512"/>
                  </a:lnTo>
                  <a:lnTo>
                    <a:pt x="578" y="511"/>
                  </a:lnTo>
                  <a:lnTo>
                    <a:pt x="578" y="511"/>
                  </a:lnTo>
                  <a:lnTo>
                    <a:pt x="579" y="510"/>
                  </a:lnTo>
                  <a:lnTo>
                    <a:pt x="579" y="509"/>
                  </a:lnTo>
                  <a:lnTo>
                    <a:pt x="580" y="508"/>
                  </a:lnTo>
                  <a:lnTo>
                    <a:pt x="580" y="508"/>
                  </a:lnTo>
                  <a:lnTo>
                    <a:pt x="581" y="507"/>
                  </a:lnTo>
                  <a:lnTo>
                    <a:pt x="581" y="506"/>
                  </a:lnTo>
                  <a:lnTo>
                    <a:pt x="567" y="496"/>
                  </a:lnTo>
                  <a:lnTo>
                    <a:pt x="567" y="497"/>
                  </a:lnTo>
                  <a:lnTo>
                    <a:pt x="566" y="497"/>
                  </a:lnTo>
                  <a:lnTo>
                    <a:pt x="566" y="498"/>
                  </a:lnTo>
                  <a:lnTo>
                    <a:pt x="565" y="499"/>
                  </a:lnTo>
                  <a:lnTo>
                    <a:pt x="565" y="499"/>
                  </a:lnTo>
                  <a:lnTo>
                    <a:pt x="564" y="500"/>
                  </a:lnTo>
                  <a:lnTo>
                    <a:pt x="564" y="500"/>
                  </a:lnTo>
                  <a:lnTo>
                    <a:pt x="563" y="501"/>
                  </a:lnTo>
                  <a:lnTo>
                    <a:pt x="563" y="502"/>
                  </a:lnTo>
                  <a:lnTo>
                    <a:pt x="562" y="502"/>
                  </a:lnTo>
                  <a:lnTo>
                    <a:pt x="562" y="503"/>
                  </a:lnTo>
                  <a:lnTo>
                    <a:pt x="561" y="504"/>
                  </a:lnTo>
                  <a:lnTo>
                    <a:pt x="561" y="504"/>
                  </a:lnTo>
                  <a:lnTo>
                    <a:pt x="560" y="505"/>
                  </a:lnTo>
                  <a:lnTo>
                    <a:pt x="560" y="505"/>
                  </a:lnTo>
                  <a:lnTo>
                    <a:pt x="559" y="506"/>
                  </a:lnTo>
                  <a:lnTo>
                    <a:pt x="559" y="507"/>
                  </a:lnTo>
                  <a:lnTo>
                    <a:pt x="558" y="507"/>
                  </a:lnTo>
                  <a:lnTo>
                    <a:pt x="557" y="508"/>
                  </a:lnTo>
                  <a:lnTo>
                    <a:pt x="557" y="509"/>
                  </a:lnTo>
                  <a:lnTo>
                    <a:pt x="557" y="509"/>
                  </a:lnTo>
                  <a:lnTo>
                    <a:pt x="570" y="521"/>
                  </a:lnTo>
                  <a:close/>
                  <a:moveTo>
                    <a:pt x="599" y="474"/>
                  </a:moveTo>
                  <a:lnTo>
                    <a:pt x="599" y="474"/>
                  </a:lnTo>
                  <a:lnTo>
                    <a:pt x="600" y="473"/>
                  </a:lnTo>
                  <a:lnTo>
                    <a:pt x="600" y="472"/>
                  </a:lnTo>
                  <a:lnTo>
                    <a:pt x="600" y="471"/>
                  </a:lnTo>
                  <a:lnTo>
                    <a:pt x="601" y="470"/>
                  </a:lnTo>
                  <a:lnTo>
                    <a:pt x="601" y="469"/>
                  </a:lnTo>
                  <a:lnTo>
                    <a:pt x="601" y="469"/>
                  </a:lnTo>
                  <a:lnTo>
                    <a:pt x="602" y="468"/>
                  </a:lnTo>
                  <a:lnTo>
                    <a:pt x="602" y="467"/>
                  </a:lnTo>
                  <a:lnTo>
                    <a:pt x="602" y="466"/>
                  </a:lnTo>
                  <a:lnTo>
                    <a:pt x="603" y="465"/>
                  </a:lnTo>
                  <a:lnTo>
                    <a:pt x="603" y="464"/>
                  </a:lnTo>
                  <a:lnTo>
                    <a:pt x="603" y="463"/>
                  </a:lnTo>
                  <a:lnTo>
                    <a:pt x="603" y="462"/>
                  </a:lnTo>
                  <a:lnTo>
                    <a:pt x="604" y="461"/>
                  </a:lnTo>
                  <a:lnTo>
                    <a:pt x="604" y="461"/>
                  </a:lnTo>
                  <a:lnTo>
                    <a:pt x="604" y="460"/>
                  </a:lnTo>
                  <a:lnTo>
                    <a:pt x="604" y="459"/>
                  </a:lnTo>
                  <a:lnTo>
                    <a:pt x="605" y="458"/>
                  </a:lnTo>
                  <a:lnTo>
                    <a:pt x="605" y="457"/>
                  </a:lnTo>
                  <a:lnTo>
                    <a:pt x="605" y="456"/>
                  </a:lnTo>
                  <a:lnTo>
                    <a:pt x="605" y="456"/>
                  </a:lnTo>
                  <a:lnTo>
                    <a:pt x="588" y="451"/>
                  </a:lnTo>
                  <a:lnTo>
                    <a:pt x="588" y="452"/>
                  </a:lnTo>
                  <a:lnTo>
                    <a:pt x="588" y="452"/>
                  </a:lnTo>
                  <a:lnTo>
                    <a:pt x="588" y="453"/>
                  </a:lnTo>
                  <a:lnTo>
                    <a:pt x="588" y="454"/>
                  </a:lnTo>
                  <a:lnTo>
                    <a:pt x="587" y="455"/>
                  </a:lnTo>
                  <a:lnTo>
                    <a:pt x="587" y="456"/>
                  </a:lnTo>
                  <a:lnTo>
                    <a:pt x="587" y="456"/>
                  </a:lnTo>
                  <a:lnTo>
                    <a:pt x="587" y="457"/>
                  </a:lnTo>
                  <a:lnTo>
                    <a:pt x="586" y="458"/>
                  </a:lnTo>
                  <a:lnTo>
                    <a:pt x="586" y="459"/>
                  </a:lnTo>
                  <a:lnTo>
                    <a:pt x="586" y="459"/>
                  </a:lnTo>
                  <a:lnTo>
                    <a:pt x="586" y="460"/>
                  </a:lnTo>
                  <a:lnTo>
                    <a:pt x="585" y="461"/>
                  </a:lnTo>
                  <a:lnTo>
                    <a:pt x="585" y="462"/>
                  </a:lnTo>
                  <a:lnTo>
                    <a:pt x="585" y="463"/>
                  </a:lnTo>
                  <a:lnTo>
                    <a:pt x="584" y="463"/>
                  </a:lnTo>
                  <a:lnTo>
                    <a:pt x="584" y="464"/>
                  </a:lnTo>
                  <a:lnTo>
                    <a:pt x="584" y="465"/>
                  </a:lnTo>
                  <a:lnTo>
                    <a:pt x="584" y="466"/>
                  </a:lnTo>
                  <a:lnTo>
                    <a:pt x="583" y="467"/>
                  </a:lnTo>
                  <a:lnTo>
                    <a:pt x="583" y="467"/>
                  </a:lnTo>
                  <a:lnTo>
                    <a:pt x="599" y="474"/>
                  </a:lnTo>
                  <a:close/>
                  <a:moveTo>
                    <a:pt x="610" y="419"/>
                  </a:moveTo>
                  <a:lnTo>
                    <a:pt x="610" y="419"/>
                  </a:lnTo>
                  <a:lnTo>
                    <a:pt x="610" y="419"/>
                  </a:lnTo>
                  <a:lnTo>
                    <a:pt x="610" y="418"/>
                  </a:lnTo>
                  <a:lnTo>
                    <a:pt x="610" y="417"/>
                  </a:lnTo>
                  <a:lnTo>
                    <a:pt x="610" y="416"/>
                  </a:lnTo>
                  <a:lnTo>
                    <a:pt x="610" y="415"/>
                  </a:lnTo>
                  <a:lnTo>
                    <a:pt x="610" y="414"/>
                  </a:lnTo>
                  <a:lnTo>
                    <a:pt x="610" y="413"/>
                  </a:lnTo>
                  <a:lnTo>
                    <a:pt x="610" y="412"/>
                  </a:lnTo>
                  <a:lnTo>
                    <a:pt x="610" y="411"/>
                  </a:lnTo>
                  <a:lnTo>
                    <a:pt x="610" y="410"/>
                  </a:lnTo>
                  <a:lnTo>
                    <a:pt x="610" y="409"/>
                  </a:lnTo>
                  <a:lnTo>
                    <a:pt x="610" y="408"/>
                  </a:lnTo>
                  <a:lnTo>
                    <a:pt x="610" y="407"/>
                  </a:lnTo>
                  <a:lnTo>
                    <a:pt x="610" y="406"/>
                  </a:lnTo>
                  <a:lnTo>
                    <a:pt x="610" y="405"/>
                  </a:lnTo>
                  <a:lnTo>
                    <a:pt x="610" y="404"/>
                  </a:lnTo>
                  <a:lnTo>
                    <a:pt x="610" y="403"/>
                  </a:lnTo>
                  <a:lnTo>
                    <a:pt x="610" y="402"/>
                  </a:lnTo>
                  <a:lnTo>
                    <a:pt x="609" y="401"/>
                  </a:lnTo>
                  <a:lnTo>
                    <a:pt x="609" y="400"/>
                  </a:lnTo>
                  <a:lnTo>
                    <a:pt x="592" y="402"/>
                  </a:lnTo>
                  <a:lnTo>
                    <a:pt x="592" y="403"/>
                  </a:lnTo>
                  <a:lnTo>
                    <a:pt x="592" y="404"/>
                  </a:lnTo>
                  <a:lnTo>
                    <a:pt x="592" y="405"/>
                  </a:lnTo>
                  <a:lnTo>
                    <a:pt x="592" y="406"/>
                  </a:lnTo>
                  <a:lnTo>
                    <a:pt x="592" y="406"/>
                  </a:lnTo>
                  <a:lnTo>
                    <a:pt x="592" y="407"/>
                  </a:lnTo>
                  <a:lnTo>
                    <a:pt x="592" y="408"/>
                  </a:lnTo>
                  <a:lnTo>
                    <a:pt x="592" y="409"/>
                  </a:lnTo>
                  <a:lnTo>
                    <a:pt x="592" y="410"/>
                  </a:lnTo>
                  <a:lnTo>
                    <a:pt x="593" y="411"/>
                  </a:lnTo>
                  <a:lnTo>
                    <a:pt x="593" y="412"/>
                  </a:lnTo>
                  <a:lnTo>
                    <a:pt x="593" y="412"/>
                  </a:lnTo>
                  <a:lnTo>
                    <a:pt x="593" y="413"/>
                  </a:lnTo>
                  <a:lnTo>
                    <a:pt x="593" y="414"/>
                  </a:lnTo>
                  <a:lnTo>
                    <a:pt x="593" y="415"/>
                  </a:lnTo>
                  <a:lnTo>
                    <a:pt x="593" y="416"/>
                  </a:lnTo>
                  <a:lnTo>
                    <a:pt x="593" y="417"/>
                  </a:lnTo>
                  <a:lnTo>
                    <a:pt x="593" y="418"/>
                  </a:lnTo>
                  <a:lnTo>
                    <a:pt x="593" y="419"/>
                  </a:lnTo>
                  <a:lnTo>
                    <a:pt x="593" y="419"/>
                  </a:lnTo>
                  <a:lnTo>
                    <a:pt x="610" y="419"/>
                  </a:lnTo>
                  <a:close/>
                  <a:moveTo>
                    <a:pt x="601" y="364"/>
                  </a:moveTo>
                  <a:lnTo>
                    <a:pt x="601" y="364"/>
                  </a:lnTo>
                  <a:lnTo>
                    <a:pt x="601" y="363"/>
                  </a:lnTo>
                  <a:lnTo>
                    <a:pt x="600" y="362"/>
                  </a:lnTo>
                  <a:lnTo>
                    <a:pt x="600" y="362"/>
                  </a:lnTo>
                  <a:lnTo>
                    <a:pt x="600" y="361"/>
                  </a:lnTo>
                  <a:lnTo>
                    <a:pt x="599" y="360"/>
                  </a:lnTo>
                  <a:lnTo>
                    <a:pt x="599" y="359"/>
                  </a:lnTo>
                  <a:lnTo>
                    <a:pt x="599" y="358"/>
                  </a:lnTo>
                  <a:lnTo>
                    <a:pt x="598" y="357"/>
                  </a:lnTo>
                  <a:lnTo>
                    <a:pt x="598" y="356"/>
                  </a:lnTo>
                  <a:lnTo>
                    <a:pt x="598" y="356"/>
                  </a:lnTo>
                  <a:lnTo>
                    <a:pt x="597" y="355"/>
                  </a:lnTo>
                  <a:lnTo>
                    <a:pt x="597" y="354"/>
                  </a:lnTo>
                  <a:lnTo>
                    <a:pt x="596" y="353"/>
                  </a:lnTo>
                  <a:lnTo>
                    <a:pt x="596" y="352"/>
                  </a:lnTo>
                  <a:lnTo>
                    <a:pt x="596" y="351"/>
                  </a:lnTo>
                  <a:lnTo>
                    <a:pt x="595" y="350"/>
                  </a:lnTo>
                  <a:lnTo>
                    <a:pt x="595" y="350"/>
                  </a:lnTo>
                  <a:lnTo>
                    <a:pt x="594" y="349"/>
                  </a:lnTo>
                  <a:lnTo>
                    <a:pt x="594" y="348"/>
                  </a:lnTo>
                  <a:lnTo>
                    <a:pt x="594" y="347"/>
                  </a:lnTo>
                  <a:lnTo>
                    <a:pt x="593" y="347"/>
                  </a:lnTo>
                  <a:lnTo>
                    <a:pt x="578" y="355"/>
                  </a:lnTo>
                  <a:lnTo>
                    <a:pt x="578" y="355"/>
                  </a:lnTo>
                  <a:lnTo>
                    <a:pt x="578" y="356"/>
                  </a:lnTo>
                  <a:lnTo>
                    <a:pt x="579" y="357"/>
                  </a:lnTo>
                  <a:lnTo>
                    <a:pt x="579" y="357"/>
                  </a:lnTo>
                  <a:lnTo>
                    <a:pt x="579" y="358"/>
                  </a:lnTo>
                  <a:lnTo>
                    <a:pt x="580" y="359"/>
                  </a:lnTo>
                  <a:lnTo>
                    <a:pt x="580" y="360"/>
                  </a:lnTo>
                  <a:lnTo>
                    <a:pt x="580" y="360"/>
                  </a:lnTo>
                  <a:lnTo>
                    <a:pt x="581" y="361"/>
                  </a:lnTo>
                  <a:lnTo>
                    <a:pt x="581" y="362"/>
                  </a:lnTo>
                  <a:lnTo>
                    <a:pt x="581" y="363"/>
                  </a:lnTo>
                  <a:lnTo>
                    <a:pt x="582" y="363"/>
                  </a:lnTo>
                  <a:lnTo>
                    <a:pt x="582" y="364"/>
                  </a:lnTo>
                  <a:lnTo>
                    <a:pt x="582" y="365"/>
                  </a:lnTo>
                  <a:lnTo>
                    <a:pt x="583" y="366"/>
                  </a:lnTo>
                  <a:lnTo>
                    <a:pt x="583" y="366"/>
                  </a:lnTo>
                  <a:lnTo>
                    <a:pt x="583" y="367"/>
                  </a:lnTo>
                  <a:lnTo>
                    <a:pt x="584" y="368"/>
                  </a:lnTo>
                  <a:lnTo>
                    <a:pt x="584" y="369"/>
                  </a:lnTo>
                  <a:lnTo>
                    <a:pt x="584" y="369"/>
                  </a:lnTo>
                  <a:lnTo>
                    <a:pt x="584" y="370"/>
                  </a:lnTo>
                  <a:lnTo>
                    <a:pt x="601" y="364"/>
                  </a:lnTo>
                  <a:close/>
                  <a:moveTo>
                    <a:pt x="573" y="316"/>
                  </a:moveTo>
                  <a:lnTo>
                    <a:pt x="573" y="316"/>
                  </a:lnTo>
                  <a:lnTo>
                    <a:pt x="572" y="316"/>
                  </a:lnTo>
                  <a:lnTo>
                    <a:pt x="572" y="315"/>
                  </a:lnTo>
                  <a:lnTo>
                    <a:pt x="571" y="315"/>
                  </a:lnTo>
                  <a:lnTo>
                    <a:pt x="570" y="314"/>
                  </a:lnTo>
                  <a:lnTo>
                    <a:pt x="570" y="313"/>
                  </a:lnTo>
                  <a:lnTo>
                    <a:pt x="569" y="313"/>
                  </a:lnTo>
                  <a:lnTo>
                    <a:pt x="569" y="312"/>
                  </a:lnTo>
                  <a:lnTo>
                    <a:pt x="568" y="311"/>
                  </a:lnTo>
                  <a:lnTo>
                    <a:pt x="567" y="311"/>
                  </a:lnTo>
                  <a:lnTo>
                    <a:pt x="567" y="310"/>
                  </a:lnTo>
                  <a:lnTo>
                    <a:pt x="566" y="309"/>
                  </a:lnTo>
                  <a:lnTo>
                    <a:pt x="565" y="309"/>
                  </a:lnTo>
                  <a:lnTo>
                    <a:pt x="565" y="308"/>
                  </a:lnTo>
                  <a:lnTo>
                    <a:pt x="564" y="307"/>
                  </a:lnTo>
                  <a:lnTo>
                    <a:pt x="563" y="307"/>
                  </a:lnTo>
                  <a:lnTo>
                    <a:pt x="563" y="306"/>
                  </a:lnTo>
                  <a:lnTo>
                    <a:pt x="562" y="305"/>
                  </a:lnTo>
                  <a:lnTo>
                    <a:pt x="561" y="305"/>
                  </a:lnTo>
                  <a:lnTo>
                    <a:pt x="561" y="304"/>
                  </a:lnTo>
                  <a:lnTo>
                    <a:pt x="560" y="304"/>
                  </a:lnTo>
                  <a:lnTo>
                    <a:pt x="559" y="303"/>
                  </a:lnTo>
                  <a:lnTo>
                    <a:pt x="548" y="316"/>
                  </a:lnTo>
                  <a:lnTo>
                    <a:pt x="548" y="317"/>
                  </a:lnTo>
                  <a:lnTo>
                    <a:pt x="549" y="317"/>
                  </a:lnTo>
                  <a:lnTo>
                    <a:pt x="549" y="318"/>
                  </a:lnTo>
                  <a:lnTo>
                    <a:pt x="550" y="318"/>
                  </a:lnTo>
                  <a:lnTo>
                    <a:pt x="551" y="319"/>
                  </a:lnTo>
                  <a:lnTo>
                    <a:pt x="551" y="319"/>
                  </a:lnTo>
                  <a:lnTo>
                    <a:pt x="552" y="320"/>
                  </a:lnTo>
                  <a:lnTo>
                    <a:pt x="552" y="320"/>
                  </a:lnTo>
                  <a:lnTo>
                    <a:pt x="553" y="321"/>
                  </a:lnTo>
                  <a:lnTo>
                    <a:pt x="554" y="322"/>
                  </a:lnTo>
                  <a:lnTo>
                    <a:pt x="554" y="322"/>
                  </a:lnTo>
                  <a:lnTo>
                    <a:pt x="555" y="323"/>
                  </a:lnTo>
                  <a:lnTo>
                    <a:pt x="555" y="323"/>
                  </a:lnTo>
                  <a:lnTo>
                    <a:pt x="556" y="324"/>
                  </a:lnTo>
                  <a:lnTo>
                    <a:pt x="556" y="325"/>
                  </a:lnTo>
                  <a:lnTo>
                    <a:pt x="557" y="325"/>
                  </a:lnTo>
                  <a:lnTo>
                    <a:pt x="557" y="326"/>
                  </a:lnTo>
                  <a:lnTo>
                    <a:pt x="558" y="326"/>
                  </a:lnTo>
                  <a:lnTo>
                    <a:pt x="559" y="327"/>
                  </a:lnTo>
                  <a:lnTo>
                    <a:pt x="559" y="328"/>
                  </a:lnTo>
                  <a:lnTo>
                    <a:pt x="559" y="328"/>
                  </a:lnTo>
                  <a:lnTo>
                    <a:pt x="573" y="316"/>
                  </a:lnTo>
                  <a:close/>
                  <a:moveTo>
                    <a:pt x="529" y="282"/>
                  </a:moveTo>
                  <a:lnTo>
                    <a:pt x="529" y="282"/>
                  </a:lnTo>
                  <a:lnTo>
                    <a:pt x="529" y="281"/>
                  </a:lnTo>
                  <a:lnTo>
                    <a:pt x="528" y="281"/>
                  </a:lnTo>
                  <a:lnTo>
                    <a:pt x="527" y="280"/>
                  </a:lnTo>
                  <a:lnTo>
                    <a:pt x="526" y="280"/>
                  </a:lnTo>
                  <a:lnTo>
                    <a:pt x="525" y="280"/>
                  </a:lnTo>
                  <a:lnTo>
                    <a:pt x="524" y="279"/>
                  </a:lnTo>
                  <a:lnTo>
                    <a:pt x="524" y="279"/>
                  </a:lnTo>
                  <a:lnTo>
                    <a:pt x="523" y="278"/>
                  </a:lnTo>
                  <a:lnTo>
                    <a:pt x="522" y="278"/>
                  </a:lnTo>
                  <a:lnTo>
                    <a:pt x="521" y="278"/>
                  </a:lnTo>
                  <a:lnTo>
                    <a:pt x="520" y="277"/>
                  </a:lnTo>
                  <a:lnTo>
                    <a:pt x="519" y="277"/>
                  </a:lnTo>
                  <a:lnTo>
                    <a:pt x="518" y="277"/>
                  </a:lnTo>
                  <a:lnTo>
                    <a:pt x="518" y="276"/>
                  </a:lnTo>
                  <a:lnTo>
                    <a:pt x="517" y="276"/>
                  </a:lnTo>
                  <a:lnTo>
                    <a:pt x="516" y="275"/>
                  </a:lnTo>
                  <a:lnTo>
                    <a:pt x="515" y="275"/>
                  </a:lnTo>
                  <a:lnTo>
                    <a:pt x="514" y="275"/>
                  </a:lnTo>
                  <a:lnTo>
                    <a:pt x="513" y="274"/>
                  </a:lnTo>
                  <a:lnTo>
                    <a:pt x="512" y="274"/>
                  </a:lnTo>
                  <a:lnTo>
                    <a:pt x="512" y="274"/>
                  </a:lnTo>
                  <a:lnTo>
                    <a:pt x="506" y="290"/>
                  </a:lnTo>
                  <a:lnTo>
                    <a:pt x="506" y="290"/>
                  </a:lnTo>
                  <a:lnTo>
                    <a:pt x="507" y="291"/>
                  </a:lnTo>
                  <a:lnTo>
                    <a:pt x="508" y="291"/>
                  </a:lnTo>
                  <a:lnTo>
                    <a:pt x="508" y="291"/>
                  </a:lnTo>
                  <a:lnTo>
                    <a:pt x="509" y="292"/>
                  </a:lnTo>
                  <a:lnTo>
                    <a:pt x="510" y="292"/>
                  </a:lnTo>
                  <a:lnTo>
                    <a:pt x="511" y="292"/>
                  </a:lnTo>
                  <a:lnTo>
                    <a:pt x="511" y="293"/>
                  </a:lnTo>
                  <a:lnTo>
                    <a:pt x="512" y="293"/>
                  </a:lnTo>
                  <a:lnTo>
                    <a:pt x="513" y="293"/>
                  </a:lnTo>
                  <a:lnTo>
                    <a:pt x="514" y="294"/>
                  </a:lnTo>
                  <a:lnTo>
                    <a:pt x="514" y="294"/>
                  </a:lnTo>
                  <a:lnTo>
                    <a:pt x="515" y="294"/>
                  </a:lnTo>
                  <a:lnTo>
                    <a:pt x="516" y="295"/>
                  </a:lnTo>
                  <a:lnTo>
                    <a:pt x="517" y="295"/>
                  </a:lnTo>
                  <a:lnTo>
                    <a:pt x="517" y="295"/>
                  </a:lnTo>
                  <a:lnTo>
                    <a:pt x="518" y="296"/>
                  </a:lnTo>
                  <a:lnTo>
                    <a:pt x="519" y="296"/>
                  </a:lnTo>
                  <a:lnTo>
                    <a:pt x="520" y="297"/>
                  </a:lnTo>
                  <a:lnTo>
                    <a:pt x="520" y="297"/>
                  </a:lnTo>
                  <a:lnTo>
                    <a:pt x="521" y="297"/>
                  </a:lnTo>
                  <a:lnTo>
                    <a:pt x="529" y="282"/>
                  </a:lnTo>
                  <a:close/>
                  <a:moveTo>
                    <a:pt x="457" y="231"/>
                  </a:moveTo>
                  <a:lnTo>
                    <a:pt x="457" y="231"/>
                  </a:lnTo>
                  <a:cubicBezTo>
                    <a:pt x="354" y="231"/>
                    <a:pt x="271" y="314"/>
                    <a:pt x="271" y="417"/>
                  </a:cubicBezTo>
                  <a:cubicBezTo>
                    <a:pt x="271" y="520"/>
                    <a:pt x="354" y="603"/>
                    <a:pt x="457" y="603"/>
                  </a:cubicBezTo>
                  <a:cubicBezTo>
                    <a:pt x="560" y="603"/>
                    <a:pt x="643" y="520"/>
                    <a:pt x="643" y="417"/>
                  </a:cubicBezTo>
                  <a:cubicBezTo>
                    <a:pt x="643" y="314"/>
                    <a:pt x="560" y="231"/>
                    <a:pt x="457" y="231"/>
                  </a:cubicBezTo>
                  <a:close/>
                  <a:moveTo>
                    <a:pt x="30" y="153"/>
                  </a:moveTo>
                  <a:lnTo>
                    <a:pt x="30" y="153"/>
                  </a:lnTo>
                  <a:cubicBezTo>
                    <a:pt x="66" y="150"/>
                    <a:pt x="102" y="148"/>
                    <a:pt x="138" y="147"/>
                  </a:cubicBezTo>
                  <a:cubicBezTo>
                    <a:pt x="114" y="146"/>
                    <a:pt x="89" y="144"/>
                    <a:pt x="65" y="141"/>
                  </a:cubicBezTo>
                  <a:cubicBezTo>
                    <a:pt x="49" y="139"/>
                    <a:pt x="35" y="128"/>
                    <a:pt x="35" y="111"/>
                  </a:cubicBezTo>
                  <a:cubicBezTo>
                    <a:pt x="35" y="87"/>
                    <a:pt x="35" y="63"/>
                    <a:pt x="35" y="39"/>
                  </a:cubicBezTo>
                  <a:cubicBezTo>
                    <a:pt x="35" y="23"/>
                    <a:pt x="49" y="11"/>
                    <a:pt x="65" y="9"/>
                  </a:cubicBezTo>
                  <a:cubicBezTo>
                    <a:pt x="163" y="0"/>
                    <a:pt x="260" y="0"/>
                    <a:pt x="358" y="9"/>
                  </a:cubicBezTo>
                  <a:cubicBezTo>
                    <a:pt x="374" y="11"/>
                    <a:pt x="388" y="23"/>
                    <a:pt x="388" y="39"/>
                  </a:cubicBezTo>
                  <a:cubicBezTo>
                    <a:pt x="388" y="63"/>
                    <a:pt x="388" y="87"/>
                    <a:pt x="388" y="111"/>
                  </a:cubicBezTo>
                  <a:cubicBezTo>
                    <a:pt x="388" y="128"/>
                    <a:pt x="374" y="139"/>
                    <a:pt x="358" y="141"/>
                  </a:cubicBezTo>
                  <a:cubicBezTo>
                    <a:pt x="323" y="145"/>
                    <a:pt x="287" y="147"/>
                    <a:pt x="252" y="148"/>
                  </a:cubicBezTo>
                  <a:cubicBezTo>
                    <a:pt x="276" y="150"/>
                    <a:pt x="299" y="151"/>
                    <a:pt x="323" y="153"/>
                  </a:cubicBezTo>
                  <a:cubicBezTo>
                    <a:pt x="339" y="155"/>
                    <a:pt x="353" y="167"/>
                    <a:pt x="353" y="183"/>
                  </a:cubicBezTo>
                  <a:lnTo>
                    <a:pt x="353" y="218"/>
                  </a:lnTo>
                  <a:cubicBezTo>
                    <a:pt x="333" y="229"/>
                    <a:pt x="314" y="242"/>
                    <a:pt x="299" y="258"/>
                  </a:cubicBezTo>
                  <a:cubicBezTo>
                    <a:pt x="289" y="268"/>
                    <a:pt x="280" y="278"/>
                    <a:pt x="272" y="290"/>
                  </a:cubicBezTo>
                  <a:cubicBezTo>
                    <a:pt x="191" y="296"/>
                    <a:pt x="111" y="294"/>
                    <a:pt x="30" y="285"/>
                  </a:cubicBezTo>
                  <a:cubicBezTo>
                    <a:pt x="13" y="283"/>
                    <a:pt x="0" y="272"/>
                    <a:pt x="0" y="255"/>
                  </a:cubicBezTo>
                  <a:cubicBezTo>
                    <a:pt x="0" y="231"/>
                    <a:pt x="0" y="207"/>
                    <a:pt x="0" y="183"/>
                  </a:cubicBezTo>
                  <a:cubicBezTo>
                    <a:pt x="0" y="167"/>
                    <a:pt x="13" y="155"/>
                    <a:pt x="30" y="15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5620925" y="3296979"/>
            <a:ext cx="1340254" cy="2752888"/>
            <a:chOff x="5768842" y="2946151"/>
            <a:chExt cx="1340254" cy="2752888"/>
          </a:xfrm>
        </p:grpSpPr>
        <p:sp>
          <p:nvSpPr>
            <p:cNvPr id="44" name="任意多边形 43"/>
            <p:cNvSpPr>
              <a:spLocks/>
            </p:cNvSpPr>
            <p:nvPr/>
          </p:nvSpPr>
          <p:spPr bwMode="auto">
            <a:xfrm>
              <a:off x="5768842" y="2946151"/>
              <a:ext cx="1340254" cy="2752888"/>
            </a:xfrm>
            <a:custGeom>
              <a:avLst/>
              <a:gdLst>
                <a:gd name="connsiteX0" fmla="*/ 1704975 w 1704975"/>
                <a:gd name="connsiteY0" fmla="*/ 2768600 h 3502025"/>
                <a:gd name="connsiteX1" fmla="*/ 854075 w 1704975"/>
                <a:gd name="connsiteY1" fmla="*/ 3502025 h 3502025"/>
                <a:gd name="connsiteX2" fmla="*/ 0 w 1704975"/>
                <a:gd name="connsiteY2" fmla="*/ 2768600 h 3502025"/>
                <a:gd name="connsiteX3" fmla="*/ 422275 w 1704975"/>
                <a:gd name="connsiteY3" fmla="*/ 2768600 h 3502025"/>
                <a:gd name="connsiteX4" fmla="*/ 422276 w 1704975"/>
                <a:gd name="connsiteY4" fmla="*/ 2768600 h 3502025"/>
                <a:gd name="connsiteX5" fmla="*/ 422276 w 1704975"/>
                <a:gd name="connsiteY5" fmla="*/ 0 h 3502025"/>
                <a:gd name="connsiteX6" fmla="*/ 1282701 w 1704975"/>
                <a:gd name="connsiteY6" fmla="*/ 684213 h 3502025"/>
                <a:gd name="connsiteX7" fmla="*/ 1282701 w 1704975"/>
                <a:gd name="connsiteY7" fmla="*/ 2768600 h 350202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1704975" h="3502025">
                  <a:moveTo>
                    <a:pt x="1704975" y="2768600"/>
                  </a:moveTo>
                  <a:lnTo>
                    <a:pt x="854075" y="3502025"/>
                  </a:lnTo>
                  <a:lnTo>
                    <a:pt x="0" y="2768600"/>
                  </a:lnTo>
                  <a:lnTo>
                    <a:pt x="422275" y="2768600"/>
                  </a:lnTo>
                  <a:lnTo>
                    <a:pt x="422276" y="2768600"/>
                  </a:lnTo>
                  <a:lnTo>
                    <a:pt x="422276" y="0"/>
                  </a:lnTo>
                  <a:lnTo>
                    <a:pt x="1282701" y="684213"/>
                  </a:lnTo>
                  <a:lnTo>
                    <a:pt x="1282701" y="2768600"/>
                  </a:ln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schemeClr val="lt1"/>
                </a:solidFill>
              </a:endParaRPr>
            </a:p>
          </p:txBody>
        </p:sp>
        <p:sp>
          <p:nvSpPr>
            <p:cNvPr id="45" name="矩形 44"/>
            <p:cNvSpPr/>
            <p:nvPr/>
          </p:nvSpPr>
          <p:spPr>
            <a:xfrm>
              <a:off x="6074735" y="4839056"/>
              <a:ext cx="729701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srgbClr val="FFFFFF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28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46" name="Freeform 22"/>
            <p:cNvSpPr>
              <a:spLocks noChangeAspect="1" noEditPoints="1"/>
            </p:cNvSpPr>
            <p:nvPr/>
          </p:nvSpPr>
          <p:spPr bwMode="auto">
            <a:xfrm>
              <a:off x="6282131" y="3510380"/>
              <a:ext cx="318667" cy="374225"/>
            </a:xfrm>
            <a:custGeom>
              <a:avLst/>
              <a:gdLst>
                <a:gd name="T0" fmla="*/ 90 w 641"/>
                <a:gd name="T1" fmla="*/ 424 h 748"/>
                <a:gd name="T2" fmla="*/ 158 w 641"/>
                <a:gd name="T3" fmla="*/ 424 h 748"/>
                <a:gd name="T4" fmla="*/ 205 w 641"/>
                <a:gd name="T5" fmla="*/ 408 h 748"/>
                <a:gd name="T6" fmla="*/ 291 w 641"/>
                <a:gd name="T7" fmla="*/ 588 h 748"/>
                <a:gd name="T8" fmla="*/ 312 w 641"/>
                <a:gd name="T9" fmla="*/ 475 h 748"/>
                <a:gd name="T10" fmla="*/ 297 w 641"/>
                <a:gd name="T11" fmla="*/ 468 h 748"/>
                <a:gd name="T12" fmla="*/ 298 w 641"/>
                <a:gd name="T13" fmla="*/ 452 h 748"/>
                <a:gd name="T14" fmla="*/ 360 w 641"/>
                <a:gd name="T15" fmla="*/ 452 h 748"/>
                <a:gd name="T16" fmla="*/ 360 w 641"/>
                <a:gd name="T17" fmla="*/ 468 h 748"/>
                <a:gd name="T18" fmla="*/ 346 w 641"/>
                <a:gd name="T19" fmla="*/ 475 h 748"/>
                <a:gd name="T20" fmla="*/ 365 w 641"/>
                <a:gd name="T21" fmla="*/ 583 h 748"/>
                <a:gd name="T22" fmla="*/ 439 w 641"/>
                <a:gd name="T23" fmla="*/ 415 h 748"/>
                <a:gd name="T24" fmla="*/ 482 w 641"/>
                <a:gd name="T25" fmla="*/ 420 h 748"/>
                <a:gd name="T26" fmla="*/ 545 w 641"/>
                <a:gd name="T27" fmla="*/ 420 h 748"/>
                <a:gd name="T28" fmla="*/ 632 w 641"/>
                <a:gd name="T29" fmla="*/ 691 h 748"/>
                <a:gd name="T30" fmla="*/ 544 w 641"/>
                <a:gd name="T31" fmla="*/ 722 h 748"/>
                <a:gd name="T32" fmla="*/ 532 w 641"/>
                <a:gd name="T33" fmla="*/ 681 h 748"/>
                <a:gd name="T34" fmla="*/ 504 w 641"/>
                <a:gd name="T35" fmla="*/ 729 h 748"/>
                <a:gd name="T36" fmla="*/ 123 w 641"/>
                <a:gd name="T37" fmla="*/ 731 h 748"/>
                <a:gd name="T38" fmla="*/ 94 w 641"/>
                <a:gd name="T39" fmla="*/ 681 h 748"/>
                <a:gd name="T40" fmla="*/ 81 w 641"/>
                <a:gd name="T41" fmla="*/ 724 h 748"/>
                <a:gd name="T42" fmla="*/ 0 w 641"/>
                <a:gd name="T43" fmla="*/ 691 h 748"/>
                <a:gd name="T44" fmla="*/ 90 w 641"/>
                <a:gd name="T45" fmla="*/ 424 h 748"/>
                <a:gd name="T46" fmla="*/ 185 w 641"/>
                <a:gd name="T47" fmla="*/ 289 h 748"/>
                <a:gd name="T48" fmla="*/ 185 w 641"/>
                <a:gd name="T49" fmla="*/ 289 h 748"/>
                <a:gd name="T50" fmla="*/ 163 w 641"/>
                <a:gd name="T51" fmla="*/ 264 h 748"/>
                <a:gd name="T52" fmla="*/ 155 w 641"/>
                <a:gd name="T53" fmla="*/ 214 h 748"/>
                <a:gd name="T54" fmla="*/ 155 w 641"/>
                <a:gd name="T55" fmla="*/ 207 h 748"/>
                <a:gd name="T56" fmla="*/ 160 w 641"/>
                <a:gd name="T57" fmla="*/ 204 h 748"/>
                <a:gd name="T58" fmla="*/ 164 w 641"/>
                <a:gd name="T59" fmla="*/ 202 h 748"/>
                <a:gd name="T60" fmla="*/ 199 w 641"/>
                <a:gd name="T61" fmla="*/ 47 h 748"/>
                <a:gd name="T62" fmla="*/ 423 w 641"/>
                <a:gd name="T63" fmla="*/ 43 h 748"/>
                <a:gd name="T64" fmla="*/ 466 w 641"/>
                <a:gd name="T65" fmla="*/ 200 h 748"/>
                <a:gd name="T66" fmla="*/ 472 w 641"/>
                <a:gd name="T67" fmla="*/ 204 h 748"/>
                <a:gd name="T68" fmla="*/ 478 w 641"/>
                <a:gd name="T69" fmla="*/ 207 h 748"/>
                <a:gd name="T70" fmla="*/ 478 w 641"/>
                <a:gd name="T71" fmla="*/ 214 h 748"/>
                <a:gd name="T72" fmla="*/ 471 w 641"/>
                <a:gd name="T73" fmla="*/ 263 h 748"/>
                <a:gd name="T74" fmla="*/ 449 w 641"/>
                <a:gd name="T75" fmla="*/ 288 h 748"/>
                <a:gd name="T76" fmla="*/ 328 w 641"/>
                <a:gd name="T77" fmla="*/ 397 h 748"/>
                <a:gd name="T78" fmla="*/ 299 w 641"/>
                <a:gd name="T79" fmla="*/ 395 h 748"/>
                <a:gd name="T80" fmla="*/ 185 w 641"/>
                <a:gd name="T81" fmla="*/ 289 h 7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641" h="748">
                  <a:moveTo>
                    <a:pt x="90" y="424"/>
                  </a:moveTo>
                  <a:cubicBezTo>
                    <a:pt x="114" y="424"/>
                    <a:pt x="137" y="424"/>
                    <a:pt x="158" y="424"/>
                  </a:cubicBezTo>
                  <a:cubicBezTo>
                    <a:pt x="178" y="425"/>
                    <a:pt x="194" y="421"/>
                    <a:pt x="205" y="408"/>
                  </a:cubicBezTo>
                  <a:lnTo>
                    <a:pt x="291" y="588"/>
                  </a:lnTo>
                  <a:lnTo>
                    <a:pt x="312" y="475"/>
                  </a:lnTo>
                  <a:lnTo>
                    <a:pt x="297" y="468"/>
                  </a:lnTo>
                  <a:lnTo>
                    <a:pt x="298" y="452"/>
                  </a:lnTo>
                  <a:lnTo>
                    <a:pt x="360" y="452"/>
                  </a:lnTo>
                  <a:lnTo>
                    <a:pt x="360" y="468"/>
                  </a:lnTo>
                  <a:lnTo>
                    <a:pt x="346" y="475"/>
                  </a:lnTo>
                  <a:lnTo>
                    <a:pt x="365" y="583"/>
                  </a:lnTo>
                  <a:lnTo>
                    <a:pt x="439" y="415"/>
                  </a:lnTo>
                  <a:cubicBezTo>
                    <a:pt x="450" y="420"/>
                    <a:pt x="464" y="422"/>
                    <a:pt x="482" y="420"/>
                  </a:cubicBezTo>
                  <a:cubicBezTo>
                    <a:pt x="502" y="420"/>
                    <a:pt x="523" y="420"/>
                    <a:pt x="545" y="420"/>
                  </a:cubicBezTo>
                  <a:cubicBezTo>
                    <a:pt x="604" y="475"/>
                    <a:pt x="641" y="606"/>
                    <a:pt x="632" y="691"/>
                  </a:cubicBezTo>
                  <a:cubicBezTo>
                    <a:pt x="614" y="704"/>
                    <a:pt x="583" y="714"/>
                    <a:pt x="544" y="722"/>
                  </a:cubicBezTo>
                  <a:lnTo>
                    <a:pt x="532" y="681"/>
                  </a:lnTo>
                  <a:lnTo>
                    <a:pt x="504" y="729"/>
                  </a:lnTo>
                  <a:cubicBezTo>
                    <a:pt x="390" y="746"/>
                    <a:pt x="233" y="748"/>
                    <a:pt x="123" y="731"/>
                  </a:cubicBezTo>
                  <a:lnTo>
                    <a:pt x="94" y="681"/>
                  </a:lnTo>
                  <a:lnTo>
                    <a:pt x="81" y="724"/>
                  </a:lnTo>
                  <a:cubicBezTo>
                    <a:pt x="43" y="716"/>
                    <a:pt x="14" y="705"/>
                    <a:pt x="0" y="691"/>
                  </a:cubicBezTo>
                  <a:cubicBezTo>
                    <a:pt x="1" y="616"/>
                    <a:pt x="15" y="489"/>
                    <a:pt x="90" y="424"/>
                  </a:cubicBezTo>
                  <a:close/>
                  <a:moveTo>
                    <a:pt x="185" y="289"/>
                  </a:moveTo>
                  <a:lnTo>
                    <a:pt x="185" y="289"/>
                  </a:lnTo>
                  <a:cubicBezTo>
                    <a:pt x="175" y="284"/>
                    <a:pt x="168" y="275"/>
                    <a:pt x="163" y="264"/>
                  </a:cubicBezTo>
                  <a:cubicBezTo>
                    <a:pt x="157" y="251"/>
                    <a:pt x="155" y="234"/>
                    <a:pt x="155" y="214"/>
                  </a:cubicBezTo>
                  <a:lnTo>
                    <a:pt x="155" y="207"/>
                  </a:lnTo>
                  <a:lnTo>
                    <a:pt x="160" y="204"/>
                  </a:lnTo>
                  <a:cubicBezTo>
                    <a:pt x="162" y="203"/>
                    <a:pt x="163" y="202"/>
                    <a:pt x="164" y="202"/>
                  </a:cubicBezTo>
                  <a:cubicBezTo>
                    <a:pt x="152" y="117"/>
                    <a:pt x="162" y="78"/>
                    <a:pt x="199" y="47"/>
                  </a:cubicBezTo>
                  <a:cubicBezTo>
                    <a:pt x="256" y="0"/>
                    <a:pt x="365" y="0"/>
                    <a:pt x="423" y="43"/>
                  </a:cubicBezTo>
                  <a:cubicBezTo>
                    <a:pt x="463" y="72"/>
                    <a:pt x="477" y="123"/>
                    <a:pt x="466" y="200"/>
                  </a:cubicBezTo>
                  <a:cubicBezTo>
                    <a:pt x="468" y="201"/>
                    <a:pt x="470" y="202"/>
                    <a:pt x="472" y="204"/>
                  </a:cubicBezTo>
                  <a:lnTo>
                    <a:pt x="478" y="207"/>
                  </a:lnTo>
                  <a:lnTo>
                    <a:pt x="478" y="214"/>
                  </a:lnTo>
                  <a:cubicBezTo>
                    <a:pt x="478" y="233"/>
                    <a:pt x="476" y="250"/>
                    <a:pt x="471" y="263"/>
                  </a:cubicBezTo>
                  <a:cubicBezTo>
                    <a:pt x="466" y="275"/>
                    <a:pt x="459" y="283"/>
                    <a:pt x="449" y="288"/>
                  </a:cubicBezTo>
                  <a:cubicBezTo>
                    <a:pt x="434" y="338"/>
                    <a:pt x="381" y="392"/>
                    <a:pt x="328" y="397"/>
                  </a:cubicBezTo>
                  <a:cubicBezTo>
                    <a:pt x="319" y="398"/>
                    <a:pt x="308" y="398"/>
                    <a:pt x="299" y="395"/>
                  </a:cubicBezTo>
                  <a:cubicBezTo>
                    <a:pt x="241" y="374"/>
                    <a:pt x="203" y="350"/>
                    <a:pt x="185" y="289"/>
                  </a:cubicBezTo>
                  <a:close/>
                </a:path>
              </a:pathLst>
            </a:custGeom>
            <a:solidFill>
              <a:srgbClr val="FEFEFE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sp>
        <p:nvSpPr>
          <p:cNvPr id="47" name="文本框 46"/>
          <p:cNvSpPr txBox="1"/>
          <p:nvPr/>
        </p:nvSpPr>
        <p:spPr>
          <a:xfrm>
            <a:off x="1296057" y="266603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8" name="文本框 47"/>
          <p:cNvSpPr txBox="1"/>
          <p:nvPr/>
        </p:nvSpPr>
        <p:spPr>
          <a:xfrm>
            <a:off x="1296057" y="5082162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9" name="文本框 48"/>
          <p:cNvSpPr txBox="1"/>
          <p:nvPr/>
        </p:nvSpPr>
        <p:spPr>
          <a:xfrm>
            <a:off x="8172277" y="242999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0" name="文本框 49"/>
          <p:cNvSpPr txBox="1"/>
          <p:nvPr/>
        </p:nvSpPr>
        <p:spPr>
          <a:xfrm>
            <a:off x="8172277" y="484611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185100288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2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750"/>
                            </p:stCondLst>
                            <p:childTnLst>
                              <p:par>
                                <p:cTn id="26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8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31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4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7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47" grpId="0"/>
      <p:bldP spid="48" grpId="0"/>
      <p:bldP spid="49" grpId="0"/>
      <p:bldP spid="50" grpId="0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3374770" y="2342412"/>
            <a:ext cx="5481945" cy="3652348"/>
            <a:chOff x="3374770" y="2342412"/>
            <a:chExt cx="5481945" cy="3652348"/>
          </a:xfrm>
        </p:grpSpPr>
        <p:sp>
          <p:nvSpPr>
            <p:cNvPr id="21" name="Freeform 7"/>
            <p:cNvSpPr>
              <a:spLocks/>
            </p:cNvSpPr>
            <p:nvPr/>
          </p:nvSpPr>
          <p:spPr bwMode="auto">
            <a:xfrm>
              <a:off x="6096126" y="2342412"/>
              <a:ext cx="1999205" cy="1480114"/>
            </a:xfrm>
            <a:custGeom>
              <a:avLst/>
              <a:gdLst>
                <a:gd name="T0" fmla="*/ 286 w 855"/>
                <a:gd name="T1" fmla="*/ 0 h 633"/>
                <a:gd name="T2" fmla="*/ 855 w 855"/>
                <a:gd name="T3" fmla="*/ 242 h 633"/>
                <a:gd name="T4" fmla="*/ 569 w 855"/>
                <a:gd name="T5" fmla="*/ 633 h 633"/>
                <a:gd name="T6" fmla="*/ 0 w 855"/>
                <a:gd name="T7" fmla="*/ 392 h 633"/>
                <a:gd name="T8" fmla="*/ 286 w 855"/>
                <a:gd name="T9" fmla="*/ 0 h 6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5" h="633">
                  <a:moveTo>
                    <a:pt x="286" y="0"/>
                  </a:moveTo>
                  <a:lnTo>
                    <a:pt x="855" y="242"/>
                  </a:lnTo>
                  <a:lnTo>
                    <a:pt x="569" y="633"/>
                  </a:lnTo>
                  <a:lnTo>
                    <a:pt x="0" y="392"/>
                  </a:lnTo>
                  <a:lnTo>
                    <a:pt x="286" y="0"/>
                  </a:lnTo>
                  <a:close/>
                </a:path>
              </a:pathLst>
            </a:custGeom>
            <a:solidFill>
              <a:srgbClr val="FF6680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2" name="Freeform 8"/>
            <p:cNvSpPr>
              <a:spLocks/>
            </p:cNvSpPr>
            <p:nvPr/>
          </p:nvSpPr>
          <p:spPr bwMode="auto">
            <a:xfrm>
              <a:off x="4101599" y="2342412"/>
              <a:ext cx="1994529" cy="1480114"/>
            </a:xfrm>
            <a:custGeom>
              <a:avLst/>
              <a:gdLst>
                <a:gd name="T0" fmla="*/ 569 w 853"/>
                <a:gd name="T1" fmla="*/ 0 h 633"/>
                <a:gd name="T2" fmla="*/ 0 w 853"/>
                <a:gd name="T3" fmla="*/ 242 h 633"/>
                <a:gd name="T4" fmla="*/ 285 w 853"/>
                <a:gd name="T5" fmla="*/ 633 h 633"/>
                <a:gd name="T6" fmla="*/ 853 w 853"/>
                <a:gd name="T7" fmla="*/ 392 h 633"/>
                <a:gd name="T8" fmla="*/ 569 w 853"/>
                <a:gd name="T9" fmla="*/ 0 h 6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3" h="633">
                  <a:moveTo>
                    <a:pt x="569" y="0"/>
                  </a:moveTo>
                  <a:lnTo>
                    <a:pt x="0" y="242"/>
                  </a:lnTo>
                  <a:lnTo>
                    <a:pt x="285" y="633"/>
                  </a:lnTo>
                  <a:lnTo>
                    <a:pt x="853" y="392"/>
                  </a:lnTo>
                  <a:lnTo>
                    <a:pt x="569" y="0"/>
                  </a:lnTo>
                  <a:close/>
                </a:path>
              </a:pathLst>
            </a:custGeom>
            <a:solidFill>
              <a:srgbClr val="FEBC30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3" name="Freeform 13"/>
            <p:cNvSpPr>
              <a:spLocks/>
            </p:cNvSpPr>
            <p:nvPr/>
          </p:nvSpPr>
          <p:spPr bwMode="auto">
            <a:xfrm>
              <a:off x="4767999" y="3822524"/>
              <a:ext cx="1328126" cy="2172236"/>
            </a:xfrm>
            <a:custGeom>
              <a:avLst/>
              <a:gdLst>
                <a:gd name="T0" fmla="*/ 0 w 568"/>
                <a:gd name="T1" fmla="*/ 0 h 929"/>
                <a:gd name="T2" fmla="*/ 568 w 568"/>
                <a:gd name="T3" fmla="*/ 242 h 929"/>
                <a:gd name="T4" fmla="*/ 568 w 568"/>
                <a:gd name="T5" fmla="*/ 929 h 929"/>
                <a:gd name="T6" fmla="*/ 0 w 568"/>
                <a:gd name="T7" fmla="*/ 687 h 929"/>
                <a:gd name="T8" fmla="*/ 0 w 568"/>
                <a:gd name="T9" fmla="*/ 0 h 9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8" h="929">
                  <a:moveTo>
                    <a:pt x="0" y="0"/>
                  </a:moveTo>
                  <a:lnTo>
                    <a:pt x="568" y="242"/>
                  </a:lnTo>
                  <a:lnTo>
                    <a:pt x="568" y="929"/>
                  </a:lnTo>
                  <a:lnTo>
                    <a:pt x="0" y="68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6F952B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4" name="Freeform 14"/>
            <p:cNvSpPr>
              <a:spLocks/>
            </p:cNvSpPr>
            <p:nvPr/>
          </p:nvSpPr>
          <p:spPr bwMode="auto">
            <a:xfrm>
              <a:off x="3374770" y="3822497"/>
              <a:ext cx="2721355" cy="822784"/>
            </a:xfrm>
            <a:custGeom>
              <a:avLst/>
              <a:gdLst>
                <a:gd name="T0" fmla="*/ 0 w 1036"/>
                <a:gd name="T1" fmla="*/ 0 h 282"/>
                <a:gd name="T2" fmla="*/ 568 w 1036"/>
                <a:gd name="T3" fmla="*/ 242 h 282"/>
                <a:gd name="T4" fmla="*/ 1036 w 1036"/>
                <a:gd name="T5" fmla="*/ 282 h 282"/>
                <a:gd name="T6" fmla="*/ 468 w 1036"/>
                <a:gd name="T7" fmla="*/ 40 h 282"/>
                <a:gd name="T8" fmla="*/ 0 w 1036"/>
                <a:gd name="T9" fmla="*/ 0 h 282"/>
                <a:gd name="connsiteX0" fmla="*/ 0 w 10000"/>
                <a:gd name="connsiteY0" fmla="*/ 0 h 12600"/>
                <a:gd name="connsiteX1" fmla="*/ 5377 w 10000"/>
                <a:gd name="connsiteY1" fmla="*/ 12600 h 12600"/>
                <a:gd name="connsiteX2" fmla="*/ 10000 w 10000"/>
                <a:gd name="connsiteY2" fmla="*/ 10000 h 12600"/>
                <a:gd name="connsiteX3" fmla="*/ 4517 w 10000"/>
                <a:gd name="connsiteY3" fmla="*/ 1418 h 12600"/>
                <a:gd name="connsiteX4" fmla="*/ 0 w 10000"/>
                <a:gd name="connsiteY4" fmla="*/ 0 h 12600"/>
                <a:gd name="connsiteX0" fmla="*/ 0 w 10423"/>
                <a:gd name="connsiteY0" fmla="*/ 1822 h 11182"/>
                <a:gd name="connsiteX1" fmla="*/ 5800 w 10423"/>
                <a:gd name="connsiteY1" fmla="*/ 11182 h 11182"/>
                <a:gd name="connsiteX2" fmla="*/ 10423 w 10423"/>
                <a:gd name="connsiteY2" fmla="*/ 8582 h 11182"/>
                <a:gd name="connsiteX3" fmla="*/ 4940 w 10423"/>
                <a:gd name="connsiteY3" fmla="*/ 0 h 11182"/>
                <a:gd name="connsiteX4" fmla="*/ 0 w 10423"/>
                <a:gd name="connsiteY4" fmla="*/ 1822 h 11182"/>
                <a:gd name="connsiteX0" fmla="*/ 0 w 10423"/>
                <a:gd name="connsiteY0" fmla="*/ 1822 h 13126"/>
                <a:gd name="connsiteX1" fmla="*/ 4177 w 10423"/>
                <a:gd name="connsiteY1" fmla="*/ 13126 h 13126"/>
                <a:gd name="connsiteX2" fmla="*/ 10423 w 10423"/>
                <a:gd name="connsiteY2" fmla="*/ 8582 h 13126"/>
                <a:gd name="connsiteX3" fmla="*/ 4940 w 10423"/>
                <a:gd name="connsiteY3" fmla="*/ 0 h 13126"/>
                <a:gd name="connsiteX4" fmla="*/ 0 w 10423"/>
                <a:gd name="connsiteY4" fmla="*/ 1822 h 13126"/>
                <a:gd name="connsiteX0" fmla="*/ 0 w 10952"/>
                <a:gd name="connsiteY0" fmla="*/ 526 h 13126"/>
                <a:gd name="connsiteX1" fmla="*/ 4706 w 10952"/>
                <a:gd name="connsiteY1" fmla="*/ 13126 h 13126"/>
                <a:gd name="connsiteX2" fmla="*/ 10952 w 10952"/>
                <a:gd name="connsiteY2" fmla="*/ 8582 h 13126"/>
                <a:gd name="connsiteX3" fmla="*/ 5469 w 10952"/>
                <a:gd name="connsiteY3" fmla="*/ 0 h 13126"/>
                <a:gd name="connsiteX4" fmla="*/ 0 w 10952"/>
                <a:gd name="connsiteY4" fmla="*/ 526 h 13126"/>
                <a:gd name="connsiteX0" fmla="*/ 0 w 11234"/>
                <a:gd name="connsiteY0" fmla="*/ 526 h 13126"/>
                <a:gd name="connsiteX1" fmla="*/ 4988 w 11234"/>
                <a:gd name="connsiteY1" fmla="*/ 13126 h 13126"/>
                <a:gd name="connsiteX2" fmla="*/ 11234 w 11234"/>
                <a:gd name="connsiteY2" fmla="*/ 8582 h 13126"/>
                <a:gd name="connsiteX3" fmla="*/ 5751 w 11234"/>
                <a:gd name="connsiteY3" fmla="*/ 0 h 13126"/>
                <a:gd name="connsiteX4" fmla="*/ 0 w 11234"/>
                <a:gd name="connsiteY4" fmla="*/ 526 h 13126"/>
                <a:gd name="connsiteX0" fmla="*/ 0 w 11234"/>
                <a:gd name="connsiteY0" fmla="*/ 526 h 12996"/>
                <a:gd name="connsiteX1" fmla="*/ 5588 w 11234"/>
                <a:gd name="connsiteY1" fmla="*/ 12996 h 12996"/>
                <a:gd name="connsiteX2" fmla="*/ 11234 w 11234"/>
                <a:gd name="connsiteY2" fmla="*/ 8582 h 12996"/>
                <a:gd name="connsiteX3" fmla="*/ 5751 w 11234"/>
                <a:gd name="connsiteY3" fmla="*/ 0 h 12996"/>
                <a:gd name="connsiteX4" fmla="*/ 0 w 11234"/>
                <a:gd name="connsiteY4" fmla="*/ 526 h 12996"/>
                <a:gd name="connsiteX0" fmla="*/ 0 w 11234"/>
                <a:gd name="connsiteY0" fmla="*/ 526 h 12478"/>
                <a:gd name="connsiteX1" fmla="*/ 5976 w 11234"/>
                <a:gd name="connsiteY1" fmla="*/ 12478 h 12478"/>
                <a:gd name="connsiteX2" fmla="*/ 11234 w 11234"/>
                <a:gd name="connsiteY2" fmla="*/ 8582 h 12478"/>
                <a:gd name="connsiteX3" fmla="*/ 5751 w 11234"/>
                <a:gd name="connsiteY3" fmla="*/ 0 h 12478"/>
                <a:gd name="connsiteX4" fmla="*/ 0 w 11234"/>
                <a:gd name="connsiteY4" fmla="*/ 526 h 1247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234" h="12478">
                  <a:moveTo>
                    <a:pt x="0" y="526"/>
                  </a:moveTo>
                  <a:lnTo>
                    <a:pt x="5976" y="12478"/>
                  </a:lnTo>
                  <a:lnTo>
                    <a:pt x="11234" y="8582"/>
                  </a:lnTo>
                  <a:lnTo>
                    <a:pt x="5751" y="0"/>
                  </a:lnTo>
                  <a:lnTo>
                    <a:pt x="0" y="526"/>
                  </a:lnTo>
                  <a:close/>
                </a:path>
              </a:pathLst>
            </a:custGeom>
            <a:solidFill>
              <a:srgbClr val="80AD31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5" name="Freeform 20"/>
            <p:cNvSpPr>
              <a:spLocks/>
            </p:cNvSpPr>
            <p:nvPr/>
          </p:nvSpPr>
          <p:spPr bwMode="auto">
            <a:xfrm>
              <a:off x="6096126" y="3822524"/>
              <a:ext cx="1330465" cy="2172236"/>
            </a:xfrm>
            <a:custGeom>
              <a:avLst/>
              <a:gdLst>
                <a:gd name="T0" fmla="*/ 569 w 569"/>
                <a:gd name="T1" fmla="*/ 0 h 929"/>
                <a:gd name="T2" fmla="*/ 0 w 569"/>
                <a:gd name="T3" fmla="*/ 242 h 929"/>
                <a:gd name="T4" fmla="*/ 0 w 569"/>
                <a:gd name="T5" fmla="*/ 929 h 929"/>
                <a:gd name="T6" fmla="*/ 569 w 569"/>
                <a:gd name="T7" fmla="*/ 687 h 929"/>
                <a:gd name="T8" fmla="*/ 569 w 569"/>
                <a:gd name="T9" fmla="*/ 0 h 9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9" h="929">
                  <a:moveTo>
                    <a:pt x="569" y="0"/>
                  </a:moveTo>
                  <a:lnTo>
                    <a:pt x="0" y="242"/>
                  </a:lnTo>
                  <a:lnTo>
                    <a:pt x="0" y="929"/>
                  </a:lnTo>
                  <a:lnTo>
                    <a:pt x="569" y="687"/>
                  </a:lnTo>
                  <a:lnTo>
                    <a:pt x="569" y="0"/>
                  </a:lnTo>
                  <a:close/>
                </a:path>
              </a:pathLst>
            </a:custGeom>
            <a:solidFill>
              <a:srgbClr val="9B71B3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6" name="Freeform 21"/>
            <p:cNvSpPr>
              <a:spLocks/>
            </p:cNvSpPr>
            <p:nvPr/>
          </p:nvSpPr>
          <p:spPr bwMode="auto">
            <a:xfrm>
              <a:off x="6096127" y="3822496"/>
              <a:ext cx="2760588" cy="677520"/>
            </a:xfrm>
            <a:custGeom>
              <a:avLst/>
              <a:gdLst>
                <a:gd name="T0" fmla="*/ 1038 w 1038"/>
                <a:gd name="T1" fmla="*/ 0 h 282"/>
                <a:gd name="T2" fmla="*/ 470 w 1038"/>
                <a:gd name="T3" fmla="*/ 242 h 282"/>
                <a:gd name="T4" fmla="*/ 0 w 1038"/>
                <a:gd name="T5" fmla="*/ 282 h 282"/>
                <a:gd name="T6" fmla="*/ 569 w 1038"/>
                <a:gd name="T7" fmla="*/ 40 h 282"/>
                <a:gd name="T8" fmla="*/ 1038 w 1038"/>
                <a:gd name="T9" fmla="*/ 0 h 282"/>
                <a:gd name="connsiteX0" fmla="*/ 10000 w 10000"/>
                <a:gd name="connsiteY0" fmla="*/ 0 h 13896"/>
                <a:gd name="connsiteX1" fmla="*/ 5338 w 10000"/>
                <a:gd name="connsiteY1" fmla="*/ 13896 h 13896"/>
                <a:gd name="connsiteX2" fmla="*/ 0 w 10000"/>
                <a:gd name="connsiteY2" fmla="*/ 10000 h 13896"/>
                <a:gd name="connsiteX3" fmla="*/ 5482 w 10000"/>
                <a:gd name="connsiteY3" fmla="*/ 1418 h 13896"/>
                <a:gd name="connsiteX4" fmla="*/ 10000 w 10000"/>
                <a:gd name="connsiteY4" fmla="*/ 0 h 13896"/>
                <a:gd name="connsiteX0" fmla="*/ 11268 w 11268"/>
                <a:gd name="connsiteY0" fmla="*/ 0 h 13118"/>
                <a:gd name="connsiteX1" fmla="*/ 5338 w 11268"/>
                <a:gd name="connsiteY1" fmla="*/ 13118 h 13118"/>
                <a:gd name="connsiteX2" fmla="*/ 0 w 11268"/>
                <a:gd name="connsiteY2" fmla="*/ 9222 h 13118"/>
                <a:gd name="connsiteX3" fmla="*/ 5482 w 11268"/>
                <a:gd name="connsiteY3" fmla="*/ 640 h 13118"/>
                <a:gd name="connsiteX4" fmla="*/ 11268 w 11268"/>
                <a:gd name="connsiteY4" fmla="*/ 0 h 13118"/>
                <a:gd name="connsiteX0" fmla="*/ 11268 w 11268"/>
                <a:gd name="connsiteY0" fmla="*/ 8 h 12478"/>
                <a:gd name="connsiteX1" fmla="*/ 5338 w 11268"/>
                <a:gd name="connsiteY1" fmla="*/ 12478 h 12478"/>
                <a:gd name="connsiteX2" fmla="*/ 0 w 11268"/>
                <a:gd name="connsiteY2" fmla="*/ 8582 h 12478"/>
                <a:gd name="connsiteX3" fmla="*/ 5482 w 11268"/>
                <a:gd name="connsiteY3" fmla="*/ 0 h 12478"/>
                <a:gd name="connsiteX4" fmla="*/ 11268 w 11268"/>
                <a:gd name="connsiteY4" fmla="*/ 8 h 12478"/>
                <a:gd name="connsiteX0" fmla="*/ 11374 w 11374"/>
                <a:gd name="connsiteY0" fmla="*/ 267 h 12478"/>
                <a:gd name="connsiteX1" fmla="*/ 5338 w 11374"/>
                <a:gd name="connsiteY1" fmla="*/ 12478 h 12478"/>
                <a:gd name="connsiteX2" fmla="*/ 0 w 11374"/>
                <a:gd name="connsiteY2" fmla="*/ 8582 h 12478"/>
                <a:gd name="connsiteX3" fmla="*/ 5482 w 11374"/>
                <a:gd name="connsiteY3" fmla="*/ 0 h 12478"/>
                <a:gd name="connsiteX4" fmla="*/ 11374 w 11374"/>
                <a:gd name="connsiteY4" fmla="*/ 267 h 12478"/>
                <a:gd name="connsiteX0" fmla="*/ 11374 w 11374"/>
                <a:gd name="connsiteY0" fmla="*/ 267 h 12867"/>
                <a:gd name="connsiteX1" fmla="*/ 5937 w 11374"/>
                <a:gd name="connsiteY1" fmla="*/ 12867 h 12867"/>
                <a:gd name="connsiteX2" fmla="*/ 0 w 11374"/>
                <a:gd name="connsiteY2" fmla="*/ 8582 h 12867"/>
                <a:gd name="connsiteX3" fmla="*/ 5482 w 11374"/>
                <a:gd name="connsiteY3" fmla="*/ 0 h 12867"/>
                <a:gd name="connsiteX4" fmla="*/ 11374 w 11374"/>
                <a:gd name="connsiteY4" fmla="*/ 267 h 12867"/>
                <a:gd name="connsiteX0" fmla="*/ 11374 w 11374"/>
                <a:gd name="connsiteY0" fmla="*/ 267 h 10534"/>
                <a:gd name="connsiteX1" fmla="*/ 7064 w 11374"/>
                <a:gd name="connsiteY1" fmla="*/ 10534 h 10534"/>
                <a:gd name="connsiteX2" fmla="*/ 0 w 11374"/>
                <a:gd name="connsiteY2" fmla="*/ 8582 h 10534"/>
                <a:gd name="connsiteX3" fmla="*/ 5482 w 11374"/>
                <a:gd name="connsiteY3" fmla="*/ 0 h 10534"/>
                <a:gd name="connsiteX4" fmla="*/ 11374 w 11374"/>
                <a:gd name="connsiteY4" fmla="*/ 267 h 10534"/>
                <a:gd name="connsiteX0" fmla="*/ 11374 w 11374"/>
                <a:gd name="connsiteY0" fmla="*/ 267 h 10275"/>
                <a:gd name="connsiteX1" fmla="*/ 6501 w 11374"/>
                <a:gd name="connsiteY1" fmla="*/ 10275 h 10275"/>
                <a:gd name="connsiteX2" fmla="*/ 0 w 11374"/>
                <a:gd name="connsiteY2" fmla="*/ 8582 h 10275"/>
                <a:gd name="connsiteX3" fmla="*/ 5482 w 11374"/>
                <a:gd name="connsiteY3" fmla="*/ 0 h 10275"/>
                <a:gd name="connsiteX4" fmla="*/ 11374 w 11374"/>
                <a:gd name="connsiteY4" fmla="*/ 267 h 10275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</a:cxnLst>
              <a:rect l="l" t="t" r="r" b="b"/>
              <a:pathLst>
                <a:path w="11374" h="10275">
                  <a:moveTo>
                    <a:pt x="11374" y="267"/>
                  </a:moveTo>
                  <a:lnTo>
                    <a:pt x="6501" y="10275"/>
                  </a:lnTo>
                  <a:lnTo>
                    <a:pt x="0" y="8582"/>
                  </a:lnTo>
                  <a:lnTo>
                    <a:pt x="5482" y="0"/>
                  </a:lnTo>
                  <a:lnTo>
                    <a:pt x="11374" y="267"/>
                  </a:lnTo>
                  <a:close/>
                </a:path>
              </a:pathLst>
            </a:custGeom>
            <a:solidFill>
              <a:srgbClr val="A883BD"/>
            </a:solidFill>
            <a:ln w="25400"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27" name="文本框 26"/>
            <p:cNvSpPr txBox="1"/>
            <p:nvPr/>
          </p:nvSpPr>
          <p:spPr>
            <a:xfrm rot="20242211">
              <a:off x="4556619" y="2683000"/>
              <a:ext cx="817853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/>
                <a:t>  </a:t>
              </a:r>
              <a:r>
                <a:rPr lang="en-US" altLang="zh-CN" sz="3200" dirty="0">
                  <a:solidFill>
                    <a:srgbClr val="FEFEFE"/>
                  </a:solidFill>
                  <a:latin typeface="Impact" panose="020B0806030902050204" pitchFamily="34" charset="0"/>
                </a:rPr>
                <a:t>01</a:t>
              </a:r>
              <a:endParaRPr lang="en-US" altLang="zh-CN" sz="2400" dirty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  <p:sp>
          <p:nvSpPr>
            <p:cNvPr id="28" name="文本框 27"/>
            <p:cNvSpPr txBox="1"/>
            <p:nvPr/>
          </p:nvSpPr>
          <p:spPr>
            <a:xfrm rot="1404824">
              <a:off x="6551164" y="2581791"/>
              <a:ext cx="867545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/>
                <a:t>  </a:t>
              </a:r>
              <a:r>
                <a:rPr lang="en-US" altLang="zh-CN" sz="3200" dirty="0">
                  <a:solidFill>
                    <a:srgbClr val="FEFEFE"/>
                  </a:solidFill>
                  <a:latin typeface="Impact" panose="020B0806030902050204" pitchFamily="34" charset="0"/>
                </a:rPr>
                <a:t>02</a:t>
              </a:r>
              <a:endParaRPr lang="en-US" altLang="zh-CN" sz="2400" dirty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  <p:sp>
          <p:nvSpPr>
            <p:cNvPr id="29" name="文本框 28"/>
            <p:cNvSpPr txBox="1"/>
            <p:nvPr/>
          </p:nvSpPr>
          <p:spPr>
            <a:xfrm rot="307107">
              <a:off x="7013419" y="3709563"/>
              <a:ext cx="824265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/>
                <a:t>  </a:t>
              </a:r>
              <a:r>
                <a:rPr lang="en-US" altLang="zh-CN" sz="2800" dirty="0">
                  <a:solidFill>
                    <a:srgbClr val="FEFEFE"/>
                  </a:solidFill>
                  <a:latin typeface="Impact" panose="020B0806030902050204" pitchFamily="34" charset="0"/>
                </a:rPr>
                <a:t>03</a:t>
              </a:r>
              <a:endParaRPr lang="en-US" altLang="zh-CN" sz="2000" dirty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  <p:sp>
          <p:nvSpPr>
            <p:cNvPr id="30" name="文本框 29"/>
            <p:cNvSpPr txBox="1"/>
            <p:nvPr/>
          </p:nvSpPr>
          <p:spPr>
            <a:xfrm rot="21004120">
              <a:off x="4340516" y="3810526"/>
              <a:ext cx="824265" cy="76944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4400" dirty="0"/>
                <a:t>  </a:t>
              </a:r>
              <a:r>
                <a:rPr lang="en-US" altLang="zh-CN" sz="2800" dirty="0">
                  <a:solidFill>
                    <a:srgbClr val="FEFEFE"/>
                  </a:solidFill>
                  <a:latin typeface="Impact" panose="020B0806030902050204" pitchFamily="34" charset="0"/>
                </a:rPr>
                <a:t>04</a:t>
              </a:r>
              <a:endParaRPr lang="en-US" altLang="zh-CN" sz="2000" dirty="0">
                <a:solidFill>
                  <a:srgbClr val="FEFEFE"/>
                </a:solidFill>
                <a:latin typeface="Impact" panose="020B0806030902050204" pitchFamily="34" charset="0"/>
              </a:endParaRPr>
            </a:p>
          </p:txBody>
        </p:sp>
      </p:grpSp>
      <p:sp>
        <p:nvSpPr>
          <p:cNvPr id="31" name="文本框 30"/>
          <p:cNvSpPr txBox="1"/>
          <p:nvPr/>
        </p:nvSpPr>
        <p:spPr>
          <a:xfrm>
            <a:off x="998567" y="2218857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>
                <a:solidFill>
                  <a:srgbClr val="FEBC30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lick here to enter a title</a:t>
            </a:r>
            <a:endParaRPr lang="en-US" altLang="zh-CN" b="1" dirty="0">
              <a:solidFill>
                <a:srgbClr val="FEBC30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9" name="文本框 38"/>
          <p:cNvSpPr txBox="1"/>
          <p:nvPr/>
        </p:nvSpPr>
        <p:spPr>
          <a:xfrm>
            <a:off x="1003592" y="5080422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>
                <a:solidFill>
                  <a:srgbClr val="80AD3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lick here to enter a title</a:t>
            </a:r>
            <a:endParaRPr lang="en-US" altLang="zh-CN" b="1" dirty="0">
              <a:solidFill>
                <a:srgbClr val="80AD31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0" name="文本框 39"/>
          <p:cNvSpPr txBox="1"/>
          <p:nvPr/>
        </p:nvSpPr>
        <p:spPr>
          <a:xfrm>
            <a:off x="8909934" y="2218857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>
                <a:solidFill>
                  <a:srgbClr val="FF6680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lick here to enter a title</a:t>
            </a:r>
            <a:endParaRPr lang="en-US" altLang="zh-CN" b="1" dirty="0">
              <a:solidFill>
                <a:srgbClr val="FF6680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1" name="文本框 40"/>
          <p:cNvSpPr txBox="1"/>
          <p:nvPr/>
        </p:nvSpPr>
        <p:spPr>
          <a:xfrm>
            <a:off x="8914959" y="5080422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>
                <a:solidFill>
                  <a:srgbClr val="A883BD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lick here to enter a title</a:t>
            </a:r>
            <a:endParaRPr lang="en-US" altLang="zh-CN" b="1" dirty="0">
              <a:solidFill>
                <a:srgbClr val="A883BD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3379939735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500"/>
                            </p:stCondLst>
                            <p:childTnLst>
                              <p:par>
                                <p:cTn id="1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7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1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2500"/>
                            </p:stCondLst>
                            <p:childTnLst>
                              <p:par>
                                <p:cTn id="23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5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" grpId="0"/>
      <p:bldP spid="39" grpId="0"/>
      <p:bldP spid="40" grpId="0"/>
      <p:bldP spid="41" grpId="0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1759323" y="3291345"/>
            <a:ext cx="8720012" cy="698535"/>
            <a:chOff x="1759323" y="3083524"/>
            <a:chExt cx="8720012" cy="698535"/>
          </a:xfrm>
        </p:grpSpPr>
        <p:cxnSp>
          <p:nvCxnSpPr>
            <p:cNvPr id="16" name="Straight Connector 11"/>
            <p:cNvCxnSpPr>
              <a:stCxn id="46" idx="0"/>
              <a:endCxn id="22" idx="2"/>
            </p:cNvCxnSpPr>
            <p:nvPr/>
          </p:nvCxnSpPr>
          <p:spPr>
            <a:xfrm flipV="1">
              <a:off x="1759323" y="3083524"/>
              <a:ext cx="4346532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7" name="Straight Connector 13"/>
            <p:cNvCxnSpPr>
              <a:stCxn id="22" idx="2"/>
              <a:endCxn id="51" idx="0"/>
            </p:cNvCxnSpPr>
            <p:nvPr/>
          </p:nvCxnSpPr>
          <p:spPr>
            <a:xfrm flipH="1">
              <a:off x="3938845" y="3083524"/>
              <a:ext cx="2167010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Straight Connector 15"/>
            <p:cNvCxnSpPr>
              <a:stCxn id="22" idx="2"/>
              <a:endCxn id="31" idx="0"/>
            </p:cNvCxnSpPr>
            <p:nvPr/>
          </p:nvCxnSpPr>
          <p:spPr>
            <a:xfrm>
              <a:off x="6105855" y="3083524"/>
              <a:ext cx="0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Connector 17"/>
            <p:cNvCxnSpPr>
              <a:stCxn id="22" idx="2"/>
              <a:endCxn id="56" idx="0"/>
            </p:cNvCxnSpPr>
            <p:nvPr/>
          </p:nvCxnSpPr>
          <p:spPr>
            <a:xfrm>
              <a:off x="6105855" y="3083524"/>
              <a:ext cx="2193958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Connector 19"/>
            <p:cNvCxnSpPr>
              <a:stCxn id="22" idx="2"/>
              <a:endCxn id="25" idx="0"/>
            </p:cNvCxnSpPr>
            <p:nvPr/>
          </p:nvCxnSpPr>
          <p:spPr>
            <a:xfrm>
              <a:off x="6105855" y="3083524"/>
              <a:ext cx="4373480" cy="698535"/>
            </a:xfrm>
            <a:prstGeom prst="line">
              <a:avLst/>
            </a:prstGeom>
            <a:ln w="12700">
              <a:solidFill>
                <a:schemeClr val="bg1">
                  <a:lumMod val="6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1" name="组合 20"/>
          <p:cNvGrpSpPr/>
          <p:nvPr/>
        </p:nvGrpSpPr>
        <p:grpSpPr>
          <a:xfrm>
            <a:off x="5398896" y="1924861"/>
            <a:ext cx="1413917" cy="1366484"/>
            <a:chOff x="5398896" y="1717040"/>
            <a:chExt cx="1413917" cy="1366484"/>
          </a:xfrm>
        </p:grpSpPr>
        <p:sp>
          <p:nvSpPr>
            <p:cNvPr id="22" name="Rounded Rectangle 3"/>
            <p:cNvSpPr/>
            <p:nvPr/>
          </p:nvSpPr>
          <p:spPr>
            <a:xfrm>
              <a:off x="5398896" y="1717040"/>
              <a:ext cx="1413917" cy="1366484"/>
            </a:xfrm>
            <a:prstGeom prst="roundRect">
              <a:avLst>
                <a:gd name="adj" fmla="val 8236"/>
              </a:avLst>
            </a:prstGeom>
            <a:solidFill>
              <a:schemeClr val="bg1">
                <a:lumMod val="7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sp>
          <p:nvSpPr>
            <p:cNvPr id="23" name="Freeform 58"/>
            <p:cNvSpPr>
              <a:spLocks/>
            </p:cNvSpPr>
            <p:nvPr/>
          </p:nvSpPr>
          <p:spPr bwMode="auto">
            <a:xfrm>
              <a:off x="5900799" y="2207433"/>
              <a:ext cx="439831" cy="455920"/>
            </a:xfrm>
            <a:custGeom>
              <a:avLst/>
              <a:gdLst>
                <a:gd name="T0" fmla="*/ 99 w 137"/>
                <a:gd name="T1" fmla="*/ 57 h 142"/>
                <a:gd name="T2" fmla="*/ 137 w 137"/>
                <a:gd name="T3" fmla="*/ 57 h 142"/>
                <a:gd name="T4" fmla="*/ 76 w 137"/>
                <a:gd name="T5" fmla="*/ 4 h 142"/>
                <a:gd name="T6" fmla="*/ 69 w 137"/>
                <a:gd name="T7" fmla="*/ 0 h 142"/>
                <a:gd name="T8" fmla="*/ 62 w 137"/>
                <a:gd name="T9" fmla="*/ 4 h 142"/>
                <a:gd name="T10" fmla="*/ 0 w 137"/>
                <a:gd name="T11" fmla="*/ 57 h 142"/>
                <a:gd name="T12" fmla="*/ 39 w 137"/>
                <a:gd name="T13" fmla="*/ 57 h 142"/>
                <a:gd name="T14" fmla="*/ 62 w 137"/>
                <a:gd name="T15" fmla="*/ 5 h 142"/>
                <a:gd name="T16" fmla="*/ 62 w 137"/>
                <a:gd name="T17" fmla="*/ 6 h 142"/>
                <a:gd name="T18" fmla="*/ 44 w 137"/>
                <a:gd name="T19" fmla="*/ 57 h 142"/>
                <a:gd name="T20" fmla="*/ 64 w 137"/>
                <a:gd name="T21" fmla="*/ 57 h 142"/>
                <a:gd name="T22" fmla="*/ 64 w 137"/>
                <a:gd name="T23" fmla="*/ 123 h 142"/>
                <a:gd name="T24" fmla="*/ 64 w 137"/>
                <a:gd name="T25" fmla="*/ 125 h 142"/>
                <a:gd name="T26" fmla="*/ 64 w 137"/>
                <a:gd name="T27" fmla="*/ 130 h 142"/>
                <a:gd name="T28" fmla="*/ 76 w 137"/>
                <a:gd name="T29" fmla="*/ 142 h 142"/>
                <a:gd name="T30" fmla="*/ 88 w 137"/>
                <a:gd name="T31" fmla="*/ 130 h 142"/>
                <a:gd name="T32" fmla="*/ 88 w 137"/>
                <a:gd name="T33" fmla="*/ 125 h 142"/>
                <a:gd name="T34" fmla="*/ 79 w 137"/>
                <a:gd name="T35" fmla="*/ 125 h 142"/>
                <a:gd name="T36" fmla="*/ 79 w 137"/>
                <a:gd name="T37" fmla="*/ 127 h 142"/>
                <a:gd name="T38" fmla="*/ 79 w 137"/>
                <a:gd name="T39" fmla="*/ 130 h 142"/>
                <a:gd name="T40" fmla="*/ 76 w 137"/>
                <a:gd name="T41" fmla="*/ 134 h 142"/>
                <a:gd name="T42" fmla="*/ 72 w 137"/>
                <a:gd name="T43" fmla="*/ 130 h 142"/>
                <a:gd name="T44" fmla="*/ 72 w 137"/>
                <a:gd name="T45" fmla="*/ 127 h 142"/>
                <a:gd name="T46" fmla="*/ 72 w 137"/>
                <a:gd name="T47" fmla="*/ 125 h 142"/>
                <a:gd name="T48" fmla="*/ 72 w 137"/>
                <a:gd name="T49" fmla="*/ 112 h 142"/>
                <a:gd name="T50" fmla="*/ 72 w 137"/>
                <a:gd name="T51" fmla="*/ 57 h 142"/>
                <a:gd name="T52" fmla="*/ 94 w 137"/>
                <a:gd name="T53" fmla="*/ 57 h 142"/>
                <a:gd name="T54" fmla="*/ 76 w 137"/>
                <a:gd name="T55" fmla="*/ 6 h 142"/>
                <a:gd name="T56" fmla="*/ 76 w 137"/>
                <a:gd name="T57" fmla="*/ 5 h 142"/>
                <a:gd name="T58" fmla="*/ 99 w 137"/>
                <a:gd name="T59" fmla="*/ 57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137" h="142">
                  <a:moveTo>
                    <a:pt x="99" y="57"/>
                  </a:moveTo>
                  <a:cubicBezTo>
                    <a:pt x="137" y="57"/>
                    <a:pt x="137" y="57"/>
                    <a:pt x="137" y="57"/>
                  </a:cubicBezTo>
                  <a:cubicBezTo>
                    <a:pt x="130" y="29"/>
                    <a:pt x="105" y="7"/>
                    <a:pt x="76" y="4"/>
                  </a:cubicBezTo>
                  <a:cubicBezTo>
                    <a:pt x="74" y="2"/>
                    <a:pt x="72" y="0"/>
                    <a:pt x="69" y="0"/>
                  </a:cubicBezTo>
                  <a:cubicBezTo>
                    <a:pt x="66" y="0"/>
                    <a:pt x="64" y="2"/>
                    <a:pt x="62" y="4"/>
                  </a:cubicBezTo>
                  <a:cubicBezTo>
                    <a:pt x="32" y="7"/>
                    <a:pt x="7" y="28"/>
                    <a:pt x="0" y="57"/>
                  </a:cubicBezTo>
                  <a:cubicBezTo>
                    <a:pt x="39" y="57"/>
                    <a:pt x="39" y="57"/>
                    <a:pt x="39" y="57"/>
                  </a:cubicBezTo>
                  <a:cubicBezTo>
                    <a:pt x="39" y="24"/>
                    <a:pt x="58" y="8"/>
                    <a:pt x="62" y="5"/>
                  </a:cubicBezTo>
                  <a:cubicBezTo>
                    <a:pt x="62" y="5"/>
                    <a:pt x="62" y="5"/>
                    <a:pt x="62" y="6"/>
                  </a:cubicBezTo>
                  <a:cubicBezTo>
                    <a:pt x="41" y="32"/>
                    <a:pt x="44" y="57"/>
                    <a:pt x="44" y="57"/>
                  </a:cubicBezTo>
                  <a:cubicBezTo>
                    <a:pt x="64" y="57"/>
                    <a:pt x="64" y="57"/>
                    <a:pt x="64" y="57"/>
                  </a:cubicBezTo>
                  <a:cubicBezTo>
                    <a:pt x="64" y="123"/>
                    <a:pt x="64" y="123"/>
                    <a:pt x="64" y="123"/>
                  </a:cubicBezTo>
                  <a:cubicBezTo>
                    <a:pt x="64" y="125"/>
                    <a:pt x="64" y="125"/>
                    <a:pt x="64" y="125"/>
                  </a:cubicBezTo>
                  <a:cubicBezTo>
                    <a:pt x="64" y="130"/>
                    <a:pt x="64" y="130"/>
                    <a:pt x="64" y="130"/>
                  </a:cubicBezTo>
                  <a:cubicBezTo>
                    <a:pt x="64" y="137"/>
                    <a:pt x="69" y="142"/>
                    <a:pt x="76" y="142"/>
                  </a:cubicBezTo>
                  <a:cubicBezTo>
                    <a:pt x="82" y="142"/>
                    <a:pt x="88" y="137"/>
                    <a:pt x="88" y="130"/>
                  </a:cubicBezTo>
                  <a:cubicBezTo>
                    <a:pt x="88" y="125"/>
                    <a:pt x="88" y="125"/>
                    <a:pt x="88" y="125"/>
                  </a:cubicBezTo>
                  <a:cubicBezTo>
                    <a:pt x="79" y="125"/>
                    <a:pt x="79" y="125"/>
                    <a:pt x="79" y="125"/>
                  </a:cubicBezTo>
                  <a:cubicBezTo>
                    <a:pt x="79" y="127"/>
                    <a:pt x="79" y="127"/>
                    <a:pt x="79" y="127"/>
                  </a:cubicBezTo>
                  <a:cubicBezTo>
                    <a:pt x="79" y="130"/>
                    <a:pt x="79" y="130"/>
                    <a:pt x="79" y="130"/>
                  </a:cubicBezTo>
                  <a:cubicBezTo>
                    <a:pt x="79" y="132"/>
                    <a:pt x="78" y="134"/>
                    <a:pt x="76" y="134"/>
                  </a:cubicBezTo>
                  <a:cubicBezTo>
                    <a:pt x="74" y="134"/>
                    <a:pt x="72" y="132"/>
                    <a:pt x="72" y="130"/>
                  </a:cubicBezTo>
                  <a:cubicBezTo>
                    <a:pt x="72" y="127"/>
                    <a:pt x="72" y="127"/>
                    <a:pt x="72" y="127"/>
                  </a:cubicBezTo>
                  <a:cubicBezTo>
                    <a:pt x="72" y="125"/>
                    <a:pt x="72" y="125"/>
                    <a:pt x="72" y="125"/>
                  </a:cubicBezTo>
                  <a:cubicBezTo>
                    <a:pt x="72" y="112"/>
                    <a:pt x="72" y="112"/>
                    <a:pt x="72" y="112"/>
                  </a:cubicBezTo>
                  <a:cubicBezTo>
                    <a:pt x="72" y="57"/>
                    <a:pt x="72" y="57"/>
                    <a:pt x="72" y="57"/>
                  </a:cubicBezTo>
                  <a:cubicBezTo>
                    <a:pt x="94" y="57"/>
                    <a:pt x="94" y="57"/>
                    <a:pt x="94" y="57"/>
                  </a:cubicBezTo>
                  <a:cubicBezTo>
                    <a:pt x="94" y="57"/>
                    <a:pt x="97" y="32"/>
                    <a:pt x="76" y="6"/>
                  </a:cubicBezTo>
                  <a:cubicBezTo>
                    <a:pt x="76" y="5"/>
                    <a:pt x="76" y="5"/>
                    <a:pt x="76" y="5"/>
                  </a:cubicBezTo>
                  <a:cubicBezTo>
                    <a:pt x="80" y="8"/>
                    <a:pt x="99" y="24"/>
                    <a:pt x="99" y="57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endParaRPr lang="en-US" sz="2400"/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9786812" y="3989880"/>
            <a:ext cx="1385045" cy="1338581"/>
            <a:chOff x="9786812" y="3782059"/>
            <a:chExt cx="1385045" cy="1338581"/>
          </a:xfrm>
        </p:grpSpPr>
        <p:sp>
          <p:nvSpPr>
            <p:cNvPr id="25" name="Rounded Rectangle 10"/>
            <p:cNvSpPr/>
            <p:nvPr/>
          </p:nvSpPr>
          <p:spPr>
            <a:xfrm>
              <a:off x="9786812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26" name="Group 32"/>
            <p:cNvGrpSpPr/>
            <p:nvPr/>
          </p:nvGrpSpPr>
          <p:grpSpPr>
            <a:xfrm>
              <a:off x="10192724" y="4327284"/>
              <a:ext cx="558170" cy="304045"/>
              <a:chOff x="6750050" y="3321051"/>
              <a:chExt cx="195263" cy="106363"/>
            </a:xfrm>
            <a:solidFill>
              <a:schemeClr val="bg1"/>
            </a:solidFill>
          </p:grpSpPr>
          <p:sp>
            <p:nvSpPr>
              <p:cNvPr id="27" name="Freeform 30"/>
              <p:cNvSpPr>
                <a:spLocks noEditPoints="1"/>
              </p:cNvSpPr>
              <p:nvPr/>
            </p:nvSpPr>
            <p:spPr bwMode="auto">
              <a:xfrm>
                <a:off x="6750050" y="3321051"/>
                <a:ext cx="141288" cy="106363"/>
              </a:xfrm>
              <a:custGeom>
                <a:avLst/>
                <a:gdLst>
                  <a:gd name="T0" fmla="*/ 26 w 87"/>
                  <a:gd name="T1" fmla="*/ 23 h 65"/>
                  <a:gd name="T2" fmla="*/ 26 w 87"/>
                  <a:gd name="T3" fmla="*/ 33 h 65"/>
                  <a:gd name="T4" fmla="*/ 8 w 87"/>
                  <a:gd name="T5" fmla="*/ 17 h 65"/>
                  <a:gd name="T6" fmla="*/ 8 w 87"/>
                  <a:gd name="T7" fmla="*/ 0 h 65"/>
                  <a:gd name="T8" fmla="*/ 0 w 87"/>
                  <a:gd name="T9" fmla="*/ 0 h 65"/>
                  <a:gd name="T10" fmla="*/ 0 w 87"/>
                  <a:gd name="T11" fmla="*/ 17 h 65"/>
                  <a:gd name="T12" fmla="*/ 26 w 87"/>
                  <a:gd name="T13" fmla="*/ 42 h 65"/>
                  <a:gd name="T14" fmla="*/ 26 w 87"/>
                  <a:gd name="T15" fmla="*/ 42 h 65"/>
                  <a:gd name="T16" fmla="*/ 26 w 87"/>
                  <a:gd name="T17" fmla="*/ 49 h 65"/>
                  <a:gd name="T18" fmla="*/ 41 w 87"/>
                  <a:gd name="T19" fmla="*/ 65 h 65"/>
                  <a:gd name="T20" fmla="*/ 87 w 87"/>
                  <a:gd name="T21" fmla="*/ 65 h 65"/>
                  <a:gd name="T22" fmla="*/ 87 w 87"/>
                  <a:gd name="T23" fmla="*/ 9 h 65"/>
                  <a:gd name="T24" fmla="*/ 41 w 87"/>
                  <a:gd name="T25" fmla="*/ 9 h 65"/>
                  <a:gd name="T26" fmla="*/ 26 w 87"/>
                  <a:gd name="T27" fmla="*/ 23 h 65"/>
                  <a:gd name="T28" fmla="*/ 73 w 87"/>
                  <a:gd name="T29" fmla="*/ 19 h 65"/>
                  <a:gd name="T30" fmla="*/ 80 w 87"/>
                  <a:gd name="T31" fmla="*/ 19 h 65"/>
                  <a:gd name="T32" fmla="*/ 80 w 87"/>
                  <a:gd name="T33" fmla="*/ 56 h 65"/>
                  <a:gd name="T34" fmla="*/ 73 w 87"/>
                  <a:gd name="T35" fmla="*/ 56 h 65"/>
                  <a:gd name="T36" fmla="*/ 73 w 87"/>
                  <a:gd name="T37" fmla="*/ 19 h 6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</a:cxnLst>
                <a:rect l="0" t="0" r="r" b="b"/>
                <a:pathLst>
                  <a:path w="87" h="65">
                    <a:moveTo>
                      <a:pt x="26" y="23"/>
                    </a:moveTo>
                    <a:cubicBezTo>
                      <a:pt x="26" y="33"/>
                      <a:pt x="26" y="33"/>
                      <a:pt x="26" y="33"/>
                    </a:cubicBezTo>
                    <a:cubicBezTo>
                      <a:pt x="7" y="33"/>
                      <a:pt x="8" y="17"/>
                      <a:pt x="8" y="17"/>
                    </a:cubicBezTo>
                    <a:cubicBezTo>
                      <a:pt x="8" y="0"/>
                      <a:pt x="8" y="0"/>
                      <a:pt x="8" y="0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43"/>
                      <a:pt x="26" y="42"/>
                      <a:pt x="26" y="42"/>
                    </a:cubicBezTo>
                    <a:cubicBezTo>
                      <a:pt x="26" y="42"/>
                      <a:pt x="26" y="42"/>
                      <a:pt x="26" y="42"/>
                    </a:cubicBezTo>
                    <a:cubicBezTo>
                      <a:pt x="26" y="49"/>
                      <a:pt x="26" y="49"/>
                      <a:pt x="26" y="49"/>
                    </a:cubicBezTo>
                    <a:cubicBezTo>
                      <a:pt x="26" y="49"/>
                      <a:pt x="25" y="65"/>
                      <a:pt x="41" y="65"/>
                    </a:cubicBezTo>
                    <a:cubicBezTo>
                      <a:pt x="61" y="65"/>
                      <a:pt x="87" y="65"/>
                      <a:pt x="87" y="65"/>
                    </a:cubicBezTo>
                    <a:cubicBezTo>
                      <a:pt x="87" y="9"/>
                      <a:pt x="87" y="9"/>
                      <a:pt x="87" y="9"/>
                    </a:cubicBezTo>
                    <a:cubicBezTo>
                      <a:pt x="87" y="9"/>
                      <a:pt x="60" y="9"/>
                      <a:pt x="41" y="9"/>
                    </a:cubicBezTo>
                    <a:cubicBezTo>
                      <a:pt x="26" y="9"/>
                      <a:pt x="26" y="23"/>
                      <a:pt x="26" y="23"/>
                    </a:cubicBezTo>
                    <a:close/>
                    <a:moveTo>
                      <a:pt x="73" y="19"/>
                    </a:moveTo>
                    <a:cubicBezTo>
                      <a:pt x="80" y="19"/>
                      <a:pt x="80" y="19"/>
                      <a:pt x="80" y="19"/>
                    </a:cubicBezTo>
                    <a:cubicBezTo>
                      <a:pt x="80" y="56"/>
                      <a:pt x="80" y="56"/>
                      <a:pt x="80" y="56"/>
                    </a:cubicBezTo>
                    <a:cubicBezTo>
                      <a:pt x="73" y="56"/>
                      <a:pt x="73" y="56"/>
                      <a:pt x="73" y="56"/>
                    </a:cubicBezTo>
                    <a:lnTo>
                      <a:pt x="73" y="19"/>
                    </a:lnTo>
                    <a:close/>
                  </a:path>
                </a:pathLst>
              </a:custGeom>
              <a:grpFill/>
              <a:ln>
                <a:noFill/>
              </a:ln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28" name="Freeform 31"/>
              <p:cNvSpPr>
                <a:spLocks noEditPoints="1"/>
              </p:cNvSpPr>
              <p:nvPr/>
            </p:nvSpPr>
            <p:spPr bwMode="auto">
              <a:xfrm>
                <a:off x="6897688" y="3397251"/>
                <a:ext cx="47625" cy="17463"/>
              </a:xfrm>
              <a:custGeom>
                <a:avLst/>
                <a:gdLst>
                  <a:gd name="T0" fmla="*/ 0 w 29"/>
                  <a:gd name="T1" fmla="*/ 10 h 10"/>
                  <a:gd name="T2" fmla="*/ 29 w 29"/>
                  <a:gd name="T3" fmla="*/ 10 h 10"/>
                  <a:gd name="T4" fmla="*/ 29 w 29"/>
                  <a:gd name="T5" fmla="*/ 0 h 10"/>
                  <a:gd name="T6" fmla="*/ 0 w 29"/>
                  <a:gd name="T7" fmla="*/ 0 h 10"/>
                  <a:gd name="T8" fmla="*/ 0 w 29"/>
                  <a:gd name="T9" fmla="*/ 10 h 10"/>
                  <a:gd name="T10" fmla="*/ 24 w 29"/>
                  <a:gd name="T11" fmla="*/ 2 h 10"/>
                  <a:gd name="T12" fmla="*/ 27 w 29"/>
                  <a:gd name="T13" fmla="*/ 5 h 10"/>
                  <a:gd name="T14" fmla="*/ 24 w 29"/>
                  <a:gd name="T15" fmla="*/ 8 h 10"/>
                  <a:gd name="T16" fmla="*/ 21 w 29"/>
                  <a:gd name="T17" fmla="*/ 5 h 10"/>
                  <a:gd name="T18" fmla="*/ 24 w 29"/>
                  <a:gd name="T19" fmla="*/ 2 h 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9" h="10">
                    <a:moveTo>
                      <a:pt x="0" y="10"/>
                    </a:moveTo>
                    <a:cubicBezTo>
                      <a:pt x="29" y="10"/>
                      <a:pt x="29" y="10"/>
                      <a:pt x="29" y="10"/>
                    </a:cubicBezTo>
                    <a:cubicBezTo>
                      <a:pt x="29" y="0"/>
                      <a:pt x="29" y="0"/>
                      <a:pt x="29" y="0"/>
                    </a:cubicBezTo>
                    <a:cubicBezTo>
                      <a:pt x="0" y="0"/>
                      <a:pt x="0" y="0"/>
                      <a:pt x="0" y="0"/>
                    </a:cubicBezTo>
                    <a:lnTo>
                      <a:pt x="0" y="10"/>
                    </a:lnTo>
                    <a:close/>
                    <a:moveTo>
                      <a:pt x="24" y="2"/>
                    </a:moveTo>
                    <a:cubicBezTo>
                      <a:pt x="26" y="2"/>
                      <a:pt x="27" y="4"/>
                      <a:pt x="27" y="5"/>
                    </a:cubicBezTo>
                    <a:cubicBezTo>
                      <a:pt x="27" y="7"/>
                      <a:pt x="26" y="8"/>
                      <a:pt x="24" y="8"/>
                    </a:cubicBezTo>
                    <a:cubicBezTo>
                      <a:pt x="23" y="8"/>
                      <a:pt x="21" y="7"/>
                      <a:pt x="21" y="5"/>
                    </a:cubicBezTo>
                    <a:cubicBezTo>
                      <a:pt x="21" y="4"/>
                      <a:pt x="23" y="2"/>
                      <a:pt x="24" y="2"/>
                    </a:cubicBezTo>
                    <a:close/>
                  </a:path>
                </a:pathLst>
              </a:custGeom>
              <a:grpFill/>
              <a:ln>
                <a:noFill/>
              </a:ln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29" name="Freeform 32"/>
              <p:cNvSpPr>
                <a:spLocks noEditPoints="1"/>
              </p:cNvSpPr>
              <p:nvPr/>
            </p:nvSpPr>
            <p:spPr bwMode="auto">
              <a:xfrm>
                <a:off x="6897688" y="3352801"/>
                <a:ext cx="47625" cy="15875"/>
              </a:xfrm>
              <a:custGeom>
                <a:avLst/>
                <a:gdLst>
                  <a:gd name="T0" fmla="*/ 0 w 29"/>
                  <a:gd name="T1" fmla="*/ 0 h 10"/>
                  <a:gd name="T2" fmla="*/ 0 w 29"/>
                  <a:gd name="T3" fmla="*/ 10 h 10"/>
                  <a:gd name="T4" fmla="*/ 29 w 29"/>
                  <a:gd name="T5" fmla="*/ 10 h 10"/>
                  <a:gd name="T6" fmla="*/ 29 w 29"/>
                  <a:gd name="T7" fmla="*/ 0 h 10"/>
                  <a:gd name="T8" fmla="*/ 0 w 29"/>
                  <a:gd name="T9" fmla="*/ 0 h 10"/>
                  <a:gd name="T10" fmla="*/ 24 w 29"/>
                  <a:gd name="T11" fmla="*/ 8 h 10"/>
                  <a:gd name="T12" fmla="*/ 21 w 29"/>
                  <a:gd name="T13" fmla="*/ 5 h 10"/>
                  <a:gd name="T14" fmla="*/ 24 w 29"/>
                  <a:gd name="T15" fmla="*/ 2 h 10"/>
                  <a:gd name="T16" fmla="*/ 27 w 29"/>
                  <a:gd name="T17" fmla="*/ 5 h 10"/>
                  <a:gd name="T18" fmla="*/ 24 w 29"/>
                  <a:gd name="T19" fmla="*/ 8 h 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9" h="10">
                    <a:moveTo>
                      <a:pt x="0" y="0"/>
                    </a:moveTo>
                    <a:cubicBezTo>
                      <a:pt x="0" y="10"/>
                      <a:pt x="0" y="10"/>
                      <a:pt x="0" y="10"/>
                    </a:cubicBezTo>
                    <a:cubicBezTo>
                      <a:pt x="29" y="10"/>
                      <a:pt x="29" y="10"/>
                      <a:pt x="29" y="10"/>
                    </a:cubicBezTo>
                    <a:cubicBezTo>
                      <a:pt x="29" y="0"/>
                      <a:pt x="29" y="0"/>
                      <a:pt x="29" y="0"/>
                    </a:cubicBezTo>
                    <a:lnTo>
                      <a:pt x="0" y="0"/>
                    </a:lnTo>
                    <a:close/>
                    <a:moveTo>
                      <a:pt x="24" y="8"/>
                    </a:moveTo>
                    <a:cubicBezTo>
                      <a:pt x="23" y="8"/>
                      <a:pt x="21" y="7"/>
                      <a:pt x="21" y="5"/>
                    </a:cubicBezTo>
                    <a:cubicBezTo>
                      <a:pt x="21" y="4"/>
                      <a:pt x="23" y="2"/>
                      <a:pt x="24" y="2"/>
                    </a:cubicBezTo>
                    <a:cubicBezTo>
                      <a:pt x="26" y="2"/>
                      <a:pt x="27" y="4"/>
                      <a:pt x="27" y="5"/>
                    </a:cubicBezTo>
                    <a:cubicBezTo>
                      <a:pt x="27" y="7"/>
                      <a:pt x="26" y="8"/>
                      <a:pt x="24" y="8"/>
                    </a:cubicBezTo>
                    <a:close/>
                  </a:path>
                </a:pathLst>
              </a:custGeom>
              <a:grpFill/>
              <a:ln>
                <a:noFill/>
              </a:ln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grpSp>
        <p:nvGrpSpPr>
          <p:cNvPr id="30" name="组合 29"/>
          <p:cNvGrpSpPr/>
          <p:nvPr/>
        </p:nvGrpSpPr>
        <p:grpSpPr>
          <a:xfrm>
            <a:off x="5413332" y="3989880"/>
            <a:ext cx="1385045" cy="1338581"/>
            <a:chOff x="5413332" y="3782059"/>
            <a:chExt cx="1385045" cy="1338581"/>
          </a:xfrm>
        </p:grpSpPr>
        <p:sp>
          <p:nvSpPr>
            <p:cNvPr id="31" name="Rounded Rectangle 8"/>
            <p:cNvSpPr/>
            <p:nvPr/>
          </p:nvSpPr>
          <p:spPr>
            <a:xfrm>
              <a:off x="5413332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sp>
          <p:nvSpPr>
            <p:cNvPr id="44" name="Freeform 59"/>
            <p:cNvSpPr>
              <a:spLocks noEditPoints="1"/>
            </p:cNvSpPr>
            <p:nvPr/>
          </p:nvSpPr>
          <p:spPr bwMode="auto">
            <a:xfrm>
              <a:off x="5943859" y="4223932"/>
              <a:ext cx="380848" cy="510748"/>
            </a:xfrm>
            <a:custGeom>
              <a:avLst/>
              <a:gdLst>
                <a:gd name="T0" fmla="*/ 108 w 108"/>
                <a:gd name="T1" fmla="*/ 145 h 145"/>
                <a:gd name="T2" fmla="*/ 0 w 108"/>
                <a:gd name="T3" fmla="*/ 145 h 145"/>
                <a:gd name="T4" fmla="*/ 0 w 108"/>
                <a:gd name="T5" fmla="*/ 135 h 145"/>
                <a:gd name="T6" fmla="*/ 13 w 108"/>
                <a:gd name="T7" fmla="*/ 124 h 145"/>
                <a:gd name="T8" fmla="*/ 96 w 108"/>
                <a:gd name="T9" fmla="*/ 124 h 145"/>
                <a:gd name="T10" fmla="*/ 108 w 108"/>
                <a:gd name="T11" fmla="*/ 135 h 145"/>
                <a:gd name="T12" fmla="*/ 108 w 108"/>
                <a:gd name="T13" fmla="*/ 145 h 145"/>
                <a:gd name="T14" fmla="*/ 16 w 108"/>
                <a:gd name="T15" fmla="*/ 116 h 145"/>
                <a:gd name="T16" fmla="*/ 24 w 108"/>
                <a:gd name="T17" fmla="*/ 91 h 145"/>
                <a:gd name="T18" fmla="*/ 85 w 108"/>
                <a:gd name="T19" fmla="*/ 91 h 145"/>
                <a:gd name="T20" fmla="*/ 93 w 108"/>
                <a:gd name="T21" fmla="*/ 116 h 145"/>
                <a:gd name="T22" fmla="*/ 16 w 108"/>
                <a:gd name="T23" fmla="*/ 116 h 145"/>
                <a:gd name="T24" fmla="*/ 28 w 108"/>
                <a:gd name="T25" fmla="*/ 76 h 145"/>
                <a:gd name="T26" fmla="*/ 36 w 108"/>
                <a:gd name="T27" fmla="*/ 51 h 145"/>
                <a:gd name="T28" fmla="*/ 72 w 108"/>
                <a:gd name="T29" fmla="*/ 51 h 145"/>
                <a:gd name="T30" fmla="*/ 80 w 108"/>
                <a:gd name="T31" fmla="*/ 76 h 145"/>
                <a:gd name="T32" fmla="*/ 28 w 108"/>
                <a:gd name="T33" fmla="*/ 76 h 145"/>
                <a:gd name="T34" fmla="*/ 49 w 108"/>
                <a:gd name="T35" fmla="*/ 12 h 145"/>
                <a:gd name="T36" fmla="*/ 60 w 108"/>
                <a:gd name="T37" fmla="*/ 12 h 145"/>
                <a:gd name="T38" fmla="*/ 68 w 108"/>
                <a:gd name="T39" fmla="*/ 36 h 145"/>
                <a:gd name="T40" fmla="*/ 41 w 108"/>
                <a:gd name="T41" fmla="*/ 36 h 145"/>
                <a:gd name="T42" fmla="*/ 49 w 108"/>
                <a:gd name="T43" fmla="*/ 12 h 1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108" h="145">
                  <a:moveTo>
                    <a:pt x="108" y="145"/>
                  </a:moveTo>
                  <a:cubicBezTo>
                    <a:pt x="0" y="145"/>
                    <a:pt x="0" y="145"/>
                    <a:pt x="0" y="145"/>
                  </a:cubicBezTo>
                  <a:cubicBezTo>
                    <a:pt x="0" y="135"/>
                    <a:pt x="0" y="135"/>
                    <a:pt x="0" y="135"/>
                  </a:cubicBezTo>
                  <a:cubicBezTo>
                    <a:pt x="13" y="124"/>
                    <a:pt x="13" y="124"/>
                    <a:pt x="13" y="124"/>
                  </a:cubicBezTo>
                  <a:cubicBezTo>
                    <a:pt x="96" y="124"/>
                    <a:pt x="96" y="124"/>
                    <a:pt x="96" y="124"/>
                  </a:cubicBezTo>
                  <a:cubicBezTo>
                    <a:pt x="108" y="135"/>
                    <a:pt x="108" y="135"/>
                    <a:pt x="108" y="135"/>
                  </a:cubicBezTo>
                  <a:lnTo>
                    <a:pt x="108" y="145"/>
                  </a:lnTo>
                  <a:close/>
                  <a:moveTo>
                    <a:pt x="16" y="116"/>
                  </a:moveTo>
                  <a:cubicBezTo>
                    <a:pt x="24" y="91"/>
                    <a:pt x="24" y="91"/>
                    <a:pt x="24" y="91"/>
                  </a:cubicBezTo>
                  <a:cubicBezTo>
                    <a:pt x="85" y="91"/>
                    <a:pt x="85" y="91"/>
                    <a:pt x="85" y="91"/>
                  </a:cubicBezTo>
                  <a:cubicBezTo>
                    <a:pt x="93" y="116"/>
                    <a:pt x="93" y="116"/>
                    <a:pt x="93" y="116"/>
                  </a:cubicBezTo>
                  <a:lnTo>
                    <a:pt x="16" y="116"/>
                  </a:lnTo>
                  <a:close/>
                  <a:moveTo>
                    <a:pt x="28" y="76"/>
                  </a:moveTo>
                  <a:cubicBezTo>
                    <a:pt x="36" y="51"/>
                    <a:pt x="36" y="51"/>
                    <a:pt x="36" y="51"/>
                  </a:cubicBezTo>
                  <a:cubicBezTo>
                    <a:pt x="72" y="51"/>
                    <a:pt x="72" y="51"/>
                    <a:pt x="72" y="51"/>
                  </a:cubicBezTo>
                  <a:cubicBezTo>
                    <a:pt x="80" y="76"/>
                    <a:pt x="80" y="76"/>
                    <a:pt x="80" y="76"/>
                  </a:cubicBezTo>
                  <a:lnTo>
                    <a:pt x="28" y="76"/>
                  </a:lnTo>
                  <a:close/>
                  <a:moveTo>
                    <a:pt x="49" y="12"/>
                  </a:moveTo>
                  <a:cubicBezTo>
                    <a:pt x="49" y="12"/>
                    <a:pt x="54" y="0"/>
                    <a:pt x="60" y="12"/>
                  </a:cubicBezTo>
                  <a:cubicBezTo>
                    <a:pt x="68" y="36"/>
                    <a:pt x="68" y="36"/>
                    <a:pt x="68" y="36"/>
                  </a:cubicBezTo>
                  <a:cubicBezTo>
                    <a:pt x="41" y="36"/>
                    <a:pt x="41" y="36"/>
                    <a:pt x="41" y="36"/>
                  </a:cubicBezTo>
                  <a:lnTo>
                    <a:pt x="49" y="12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121920" tIns="60960" rIns="121920" bIns="60960" numCol="1" anchor="t" anchorCtr="0" compatLnSpc="1">
              <a:prstTxWarp prst="textNoShape">
                <a:avLst/>
              </a:prstTxWarp>
            </a:bodyPr>
            <a:lstStyle/>
            <a:p>
              <a:endParaRPr lang="en-US" sz="2400"/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1066800" y="3989880"/>
            <a:ext cx="1385045" cy="1338581"/>
            <a:chOff x="1066800" y="3782059"/>
            <a:chExt cx="1385045" cy="1338581"/>
          </a:xfrm>
        </p:grpSpPr>
        <p:sp>
          <p:nvSpPr>
            <p:cNvPr id="46" name="Rounded Rectangle 6"/>
            <p:cNvSpPr/>
            <p:nvPr/>
          </p:nvSpPr>
          <p:spPr>
            <a:xfrm>
              <a:off x="1066800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47" name="Group 37"/>
            <p:cNvGrpSpPr/>
            <p:nvPr/>
          </p:nvGrpSpPr>
          <p:grpSpPr>
            <a:xfrm>
              <a:off x="1464388" y="4267246"/>
              <a:ext cx="619587" cy="424121"/>
              <a:chOff x="2324100" y="1814513"/>
              <a:chExt cx="266700" cy="182563"/>
            </a:xfrm>
            <a:solidFill>
              <a:schemeClr val="bg1"/>
            </a:solidFill>
          </p:grpSpPr>
          <p:sp>
            <p:nvSpPr>
              <p:cNvPr id="48" name="Freeform 38"/>
              <p:cNvSpPr>
                <a:spLocks noEditPoints="1"/>
              </p:cNvSpPr>
              <p:nvPr/>
            </p:nvSpPr>
            <p:spPr bwMode="auto">
              <a:xfrm>
                <a:off x="2324100" y="1814513"/>
                <a:ext cx="188913" cy="182563"/>
              </a:xfrm>
              <a:custGeom>
                <a:avLst/>
                <a:gdLst>
                  <a:gd name="T0" fmla="*/ 86 w 99"/>
                  <a:gd name="T1" fmla="*/ 60 h 97"/>
                  <a:gd name="T2" fmla="*/ 99 w 99"/>
                  <a:gd name="T3" fmla="*/ 54 h 97"/>
                  <a:gd name="T4" fmla="*/ 99 w 99"/>
                  <a:gd name="T5" fmla="*/ 43 h 97"/>
                  <a:gd name="T6" fmla="*/ 86 w 99"/>
                  <a:gd name="T7" fmla="*/ 37 h 97"/>
                  <a:gd name="T8" fmla="*/ 83 w 99"/>
                  <a:gd name="T9" fmla="*/ 31 h 97"/>
                  <a:gd name="T10" fmla="*/ 88 w 99"/>
                  <a:gd name="T11" fmla="*/ 18 h 97"/>
                  <a:gd name="T12" fmla="*/ 81 w 99"/>
                  <a:gd name="T13" fmla="*/ 10 h 97"/>
                  <a:gd name="T14" fmla="*/ 67 w 99"/>
                  <a:gd name="T15" fmla="*/ 16 h 97"/>
                  <a:gd name="T16" fmla="*/ 61 w 99"/>
                  <a:gd name="T17" fmla="*/ 13 h 97"/>
                  <a:gd name="T18" fmla="*/ 55 w 99"/>
                  <a:gd name="T19" fmla="*/ 0 h 97"/>
                  <a:gd name="T20" fmla="*/ 44 w 99"/>
                  <a:gd name="T21" fmla="*/ 0 h 97"/>
                  <a:gd name="T22" fmla="*/ 38 w 99"/>
                  <a:gd name="T23" fmla="*/ 13 h 97"/>
                  <a:gd name="T24" fmla="*/ 32 w 99"/>
                  <a:gd name="T25" fmla="*/ 16 h 97"/>
                  <a:gd name="T26" fmla="*/ 18 w 99"/>
                  <a:gd name="T27" fmla="*/ 11 h 97"/>
                  <a:gd name="T28" fmla="*/ 11 w 99"/>
                  <a:gd name="T29" fmla="*/ 18 h 97"/>
                  <a:gd name="T30" fmla="*/ 16 w 99"/>
                  <a:gd name="T31" fmla="*/ 32 h 97"/>
                  <a:gd name="T32" fmla="*/ 14 w 99"/>
                  <a:gd name="T33" fmla="*/ 37 h 97"/>
                  <a:gd name="T34" fmla="*/ 0 w 99"/>
                  <a:gd name="T35" fmla="*/ 43 h 97"/>
                  <a:gd name="T36" fmla="*/ 0 w 99"/>
                  <a:gd name="T37" fmla="*/ 54 h 97"/>
                  <a:gd name="T38" fmla="*/ 14 w 99"/>
                  <a:gd name="T39" fmla="*/ 60 h 97"/>
                  <a:gd name="T40" fmla="*/ 16 w 99"/>
                  <a:gd name="T41" fmla="*/ 66 h 97"/>
                  <a:gd name="T42" fmla="*/ 11 w 99"/>
                  <a:gd name="T43" fmla="*/ 79 h 97"/>
                  <a:gd name="T44" fmla="*/ 19 w 99"/>
                  <a:gd name="T45" fmla="*/ 87 h 97"/>
                  <a:gd name="T46" fmla="*/ 32 w 99"/>
                  <a:gd name="T47" fmla="*/ 81 h 97"/>
                  <a:gd name="T48" fmla="*/ 38 w 99"/>
                  <a:gd name="T49" fmla="*/ 84 h 97"/>
                  <a:gd name="T50" fmla="*/ 45 w 99"/>
                  <a:gd name="T51" fmla="*/ 97 h 97"/>
                  <a:gd name="T52" fmla="*/ 55 w 99"/>
                  <a:gd name="T53" fmla="*/ 97 h 97"/>
                  <a:gd name="T54" fmla="*/ 61 w 99"/>
                  <a:gd name="T55" fmla="*/ 84 h 97"/>
                  <a:gd name="T56" fmla="*/ 67 w 99"/>
                  <a:gd name="T57" fmla="*/ 81 h 97"/>
                  <a:gd name="T58" fmla="*/ 81 w 99"/>
                  <a:gd name="T59" fmla="*/ 86 h 97"/>
                  <a:gd name="T60" fmla="*/ 89 w 99"/>
                  <a:gd name="T61" fmla="*/ 79 h 97"/>
                  <a:gd name="T62" fmla="*/ 83 w 99"/>
                  <a:gd name="T63" fmla="*/ 66 h 97"/>
                  <a:gd name="T64" fmla="*/ 86 w 99"/>
                  <a:gd name="T65" fmla="*/ 60 h 97"/>
                  <a:gd name="T66" fmla="*/ 50 w 99"/>
                  <a:gd name="T67" fmla="*/ 64 h 97"/>
                  <a:gd name="T68" fmla="*/ 34 w 99"/>
                  <a:gd name="T69" fmla="*/ 49 h 97"/>
                  <a:gd name="T70" fmla="*/ 50 w 99"/>
                  <a:gd name="T71" fmla="*/ 33 h 97"/>
                  <a:gd name="T72" fmla="*/ 66 w 99"/>
                  <a:gd name="T73" fmla="*/ 49 h 97"/>
                  <a:gd name="T74" fmla="*/ 50 w 99"/>
                  <a:gd name="T75" fmla="*/ 64 h 9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99" h="97">
                    <a:moveTo>
                      <a:pt x="86" y="60"/>
                    </a:moveTo>
                    <a:cubicBezTo>
                      <a:pt x="86" y="60"/>
                      <a:pt x="99" y="54"/>
                      <a:pt x="99" y="54"/>
                    </a:cubicBezTo>
                    <a:cubicBezTo>
                      <a:pt x="99" y="43"/>
                      <a:pt x="99" y="43"/>
                      <a:pt x="99" y="43"/>
                    </a:cubicBezTo>
                    <a:cubicBezTo>
                      <a:pt x="99" y="42"/>
                      <a:pt x="86" y="37"/>
                      <a:pt x="86" y="37"/>
                    </a:cubicBezTo>
                    <a:cubicBezTo>
                      <a:pt x="83" y="31"/>
                      <a:pt x="83" y="31"/>
                      <a:pt x="83" y="31"/>
                    </a:cubicBezTo>
                    <a:cubicBezTo>
                      <a:pt x="83" y="31"/>
                      <a:pt x="89" y="18"/>
                      <a:pt x="88" y="18"/>
                    </a:cubicBezTo>
                    <a:cubicBezTo>
                      <a:pt x="81" y="10"/>
                      <a:pt x="81" y="10"/>
                      <a:pt x="81" y="10"/>
                    </a:cubicBezTo>
                    <a:cubicBezTo>
                      <a:pt x="80" y="10"/>
                      <a:pt x="67" y="16"/>
                      <a:pt x="67" y="16"/>
                    </a:cubicBezTo>
                    <a:cubicBezTo>
                      <a:pt x="61" y="13"/>
                      <a:pt x="61" y="13"/>
                      <a:pt x="61" y="13"/>
                    </a:cubicBezTo>
                    <a:cubicBezTo>
                      <a:pt x="61" y="13"/>
                      <a:pt x="56" y="0"/>
                      <a:pt x="55" y="0"/>
                    </a:cubicBezTo>
                    <a:cubicBezTo>
                      <a:pt x="44" y="0"/>
                      <a:pt x="44" y="0"/>
                      <a:pt x="44" y="0"/>
                    </a:cubicBezTo>
                    <a:cubicBezTo>
                      <a:pt x="43" y="0"/>
                      <a:pt x="38" y="13"/>
                      <a:pt x="38" y="13"/>
                    </a:cubicBezTo>
                    <a:cubicBezTo>
                      <a:pt x="32" y="16"/>
                      <a:pt x="32" y="16"/>
                      <a:pt x="32" y="16"/>
                    </a:cubicBezTo>
                    <a:cubicBezTo>
                      <a:pt x="32" y="16"/>
                      <a:pt x="19" y="10"/>
                      <a:pt x="18" y="11"/>
                    </a:cubicBezTo>
                    <a:cubicBezTo>
                      <a:pt x="11" y="18"/>
                      <a:pt x="11" y="18"/>
                      <a:pt x="11" y="18"/>
                    </a:cubicBezTo>
                    <a:cubicBezTo>
                      <a:pt x="10" y="19"/>
                      <a:pt x="16" y="32"/>
                      <a:pt x="16" y="32"/>
                    </a:cubicBezTo>
                    <a:cubicBezTo>
                      <a:pt x="14" y="37"/>
                      <a:pt x="14" y="37"/>
                      <a:pt x="14" y="37"/>
                    </a:cubicBezTo>
                    <a:cubicBezTo>
                      <a:pt x="14" y="37"/>
                      <a:pt x="0" y="43"/>
                      <a:pt x="0" y="43"/>
                    </a:cubicBezTo>
                    <a:cubicBezTo>
                      <a:pt x="0" y="54"/>
                      <a:pt x="0" y="54"/>
                      <a:pt x="0" y="54"/>
                    </a:cubicBezTo>
                    <a:cubicBezTo>
                      <a:pt x="0" y="55"/>
                      <a:pt x="14" y="60"/>
                      <a:pt x="14" y="60"/>
                    </a:cubicBezTo>
                    <a:cubicBezTo>
                      <a:pt x="16" y="66"/>
                      <a:pt x="16" y="66"/>
                      <a:pt x="16" y="66"/>
                    </a:cubicBezTo>
                    <a:cubicBezTo>
                      <a:pt x="16" y="66"/>
                      <a:pt x="10" y="79"/>
                      <a:pt x="11" y="79"/>
                    </a:cubicBezTo>
                    <a:cubicBezTo>
                      <a:pt x="19" y="87"/>
                      <a:pt x="19" y="87"/>
                      <a:pt x="19" y="87"/>
                    </a:cubicBezTo>
                    <a:cubicBezTo>
                      <a:pt x="19" y="87"/>
                      <a:pt x="32" y="81"/>
                      <a:pt x="32" y="81"/>
                    </a:cubicBezTo>
                    <a:cubicBezTo>
                      <a:pt x="38" y="84"/>
                      <a:pt x="38" y="84"/>
                      <a:pt x="38" y="84"/>
                    </a:cubicBezTo>
                    <a:cubicBezTo>
                      <a:pt x="38" y="84"/>
                      <a:pt x="44" y="97"/>
                      <a:pt x="45" y="97"/>
                    </a:cubicBezTo>
                    <a:cubicBezTo>
                      <a:pt x="55" y="97"/>
                      <a:pt x="55" y="97"/>
                      <a:pt x="55" y="97"/>
                    </a:cubicBezTo>
                    <a:cubicBezTo>
                      <a:pt x="56" y="97"/>
                      <a:pt x="61" y="84"/>
                      <a:pt x="61" y="84"/>
                    </a:cubicBezTo>
                    <a:cubicBezTo>
                      <a:pt x="67" y="81"/>
                      <a:pt x="67" y="81"/>
                      <a:pt x="67" y="81"/>
                    </a:cubicBezTo>
                    <a:cubicBezTo>
                      <a:pt x="67" y="81"/>
                      <a:pt x="81" y="87"/>
                      <a:pt x="81" y="86"/>
                    </a:cubicBezTo>
                    <a:cubicBezTo>
                      <a:pt x="89" y="79"/>
                      <a:pt x="89" y="79"/>
                      <a:pt x="89" y="79"/>
                    </a:cubicBezTo>
                    <a:cubicBezTo>
                      <a:pt x="89" y="78"/>
                      <a:pt x="83" y="66"/>
                      <a:pt x="83" y="66"/>
                    </a:cubicBezTo>
                    <a:lnTo>
                      <a:pt x="86" y="60"/>
                    </a:lnTo>
                    <a:close/>
                    <a:moveTo>
                      <a:pt x="50" y="64"/>
                    </a:moveTo>
                    <a:cubicBezTo>
                      <a:pt x="41" y="64"/>
                      <a:pt x="34" y="57"/>
                      <a:pt x="34" y="49"/>
                    </a:cubicBezTo>
                    <a:cubicBezTo>
                      <a:pt x="34" y="40"/>
                      <a:pt x="41" y="33"/>
                      <a:pt x="50" y="33"/>
                    </a:cubicBezTo>
                    <a:cubicBezTo>
                      <a:pt x="58" y="33"/>
                      <a:pt x="66" y="40"/>
                      <a:pt x="66" y="49"/>
                    </a:cubicBezTo>
                    <a:cubicBezTo>
                      <a:pt x="66" y="57"/>
                      <a:pt x="58" y="64"/>
                      <a:pt x="50" y="64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49" name="Freeform 39"/>
              <p:cNvSpPr>
                <a:spLocks noEditPoints="1"/>
              </p:cNvSpPr>
              <p:nvPr/>
            </p:nvSpPr>
            <p:spPr bwMode="auto">
              <a:xfrm>
                <a:off x="2501900" y="1905001"/>
                <a:ext cx="88900" cy="90488"/>
              </a:xfrm>
              <a:custGeom>
                <a:avLst/>
                <a:gdLst>
                  <a:gd name="T0" fmla="*/ 41 w 47"/>
                  <a:gd name="T1" fmla="*/ 23 h 48"/>
                  <a:gd name="T2" fmla="*/ 41 w 47"/>
                  <a:gd name="T3" fmla="*/ 20 h 48"/>
                  <a:gd name="T4" fmla="*/ 45 w 47"/>
                  <a:gd name="T5" fmla="*/ 14 h 48"/>
                  <a:gd name="T6" fmla="*/ 42 w 47"/>
                  <a:gd name="T7" fmla="*/ 9 h 48"/>
                  <a:gd name="T8" fmla="*/ 35 w 47"/>
                  <a:gd name="T9" fmla="*/ 11 h 48"/>
                  <a:gd name="T10" fmla="*/ 33 w 47"/>
                  <a:gd name="T11" fmla="*/ 9 h 48"/>
                  <a:gd name="T12" fmla="*/ 31 w 47"/>
                  <a:gd name="T13" fmla="*/ 2 h 48"/>
                  <a:gd name="T14" fmla="*/ 26 w 47"/>
                  <a:gd name="T15" fmla="*/ 1 h 48"/>
                  <a:gd name="T16" fmla="*/ 22 w 47"/>
                  <a:gd name="T17" fmla="*/ 6 h 48"/>
                  <a:gd name="T18" fmla="*/ 19 w 47"/>
                  <a:gd name="T19" fmla="*/ 7 h 48"/>
                  <a:gd name="T20" fmla="*/ 14 w 47"/>
                  <a:gd name="T21" fmla="*/ 3 h 48"/>
                  <a:gd name="T22" fmla="*/ 9 w 47"/>
                  <a:gd name="T23" fmla="*/ 5 h 48"/>
                  <a:gd name="T24" fmla="*/ 10 w 47"/>
                  <a:gd name="T25" fmla="*/ 12 h 48"/>
                  <a:gd name="T26" fmla="*/ 8 w 47"/>
                  <a:gd name="T27" fmla="*/ 15 h 48"/>
                  <a:gd name="T28" fmla="*/ 1 w 47"/>
                  <a:gd name="T29" fmla="*/ 16 h 48"/>
                  <a:gd name="T30" fmla="*/ 0 w 47"/>
                  <a:gd name="T31" fmla="*/ 21 h 48"/>
                  <a:gd name="T32" fmla="*/ 6 w 47"/>
                  <a:gd name="T33" fmla="*/ 25 h 48"/>
                  <a:gd name="T34" fmla="*/ 6 w 47"/>
                  <a:gd name="T35" fmla="*/ 28 h 48"/>
                  <a:gd name="T36" fmla="*/ 2 w 47"/>
                  <a:gd name="T37" fmla="*/ 34 h 48"/>
                  <a:gd name="T38" fmla="*/ 5 w 47"/>
                  <a:gd name="T39" fmla="*/ 39 h 48"/>
                  <a:gd name="T40" fmla="*/ 12 w 47"/>
                  <a:gd name="T41" fmla="*/ 38 h 48"/>
                  <a:gd name="T42" fmla="*/ 14 w 47"/>
                  <a:gd name="T43" fmla="*/ 39 h 48"/>
                  <a:gd name="T44" fmla="*/ 15 w 47"/>
                  <a:gd name="T45" fmla="*/ 46 h 48"/>
                  <a:gd name="T46" fmla="*/ 20 w 47"/>
                  <a:gd name="T47" fmla="*/ 48 h 48"/>
                  <a:gd name="T48" fmla="*/ 24 w 47"/>
                  <a:gd name="T49" fmla="*/ 42 h 48"/>
                  <a:gd name="T50" fmla="*/ 27 w 47"/>
                  <a:gd name="T51" fmla="*/ 42 h 48"/>
                  <a:gd name="T52" fmla="*/ 33 w 47"/>
                  <a:gd name="T53" fmla="*/ 46 h 48"/>
                  <a:gd name="T54" fmla="*/ 38 w 47"/>
                  <a:gd name="T55" fmla="*/ 43 h 48"/>
                  <a:gd name="T56" fmla="*/ 37 w 47"/>
                  <a:gd name="T57" fmla="*/ 36 h 48"/>
                  <a:gd name="T58" fmla="*/ 38 w 47"/>
                  <a:gd name="T59" fmla="*/ 33 h 48"/>
                  <a:gd name="T60" fmla="*/ 45 w 47"/>
                  <a:gd name="T61" fmla="*/ 32 h 48"/>
                  <a:gd name="T62" fmla="*/ 46 w 47"/>
                  <a:gd name="T63" fmla="*/ 27 h 48"/>
                  <a:gd name="T64" fmla="*/ 41 w 47"/>
                  <a:gd name="T65" fmla="*/ 23 h 48"/>
                  <a:gd name="T66" fmla="*/ 31 w 47"/>
                  <a:gd name="T67" fmla="*/ 26 h 48"/>
                  <a:gd name="T68" fmla="*/ 22 w 47"/>
                  <a:gd name="T69" fmla="*/ 31 h 48"/>
                  <a:gd name="T70" fmla="*/ 16 w 47"/>
                  <a:gd name="T71" fmla="*/ 22 h 48"/>
                  <a:gd name="T72" fmla="*/ 25 w 47"/>
                  <a:gd name="T73" fmla="*/ 17 h 48"/>
                  <a:gd name="T74" fmla="*/ 31 w 47"/>
                  <a:gd name="T75" fmla="*/ 26 h 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47" h="48">
                    <a:moveTo>
                      <a:pt x="41" y="23"/>
                    </a:moveTo>
                    <a:cubicBezTo>
                      <a:pt x="41" y="20"/>
                      <a:pt x="41" y="20"/>
                      <a:pt x="41" y="20"/>
                    </a:cubicBezTo>
                    <a:cubicBezTo>
                      <a:pt x="41" y="20"/>
                      <a:pt x="45" y="14"/>
                      <a:pt x="45" y="14"/>
                    </a:cubicBezTo>
                    <a:cubicBezTo>
                      <a:pt x="42" y="9"/>
                      <a:pt x="42" y="9"/>
                      <a:pt x="42" y="9"/>
                    </a:cubicBezTo>
                    <a:cubicBezTo>
                      <a:pt x="42" y="9"/>
                      <a:pt x="35" y="11"/>
                      <a:pt x="35" y="11"/>
                    </a:cubicBezTo>
                    <a:cubicBezTo>
                      <a:pt x="33" y="9"/>
                      <a:pt x="33" y="9"/>
                      <a:pt x="33" y="9"/>
                    </a:cubicBezTo>
                    <a:cubicBezTo>
                      <a:pt x="33" y="9"/>
                      <a:pt x="32" y="2"/>
                      <a:pt x="31" y="2"/>
                    </a:cubicBezTo>
                    <a:cubicBezTo>
                      <a:pt x="26" y="1"/>
                      <a:pt x="26" y="1"/>
                      <a:pt x="26" y="1"/>
                    </a:cubicBezTo>
                    <a:cubicBezTo>
                      <a:pt x="26" y="0"/>
                      <a:pt x="22" y="6"/>
                      <a:pt x="22" y="6"/>
                    </a:cubicBezTo>
                    <a:cubicBezTo>
                      <a:pt x="19" y="7"/>
                      <a:pt x="19" y="7"/>
                      <a:pt x="19" y="7"/>
                    </a:cubicBezTo>
                    <a:cubicBezTo>
                      <a:pt x="19" y="7"/>
                      <a:pt x="14" y="2"/>
                      <a:pt x="14" y="3"/>
                    </a:cubicBezTo>
                    <a:cubicBezTo>
                      <a:pt x="9" y="5"/>
                      <a:pt x="9" y="5"/>
                      <a:pt x="9" y="5"/>
                    </a:cubicBezTo>
                    <a:cubicBezTo>
                      <a:pt x="9" y="6"/>
                      <a:pt x="10" y="12"/>
                      <a:pt x="10" y="12"/>
                    </a:cubicBezTo>
                    <a:cubicBezTo>
                      <a:pt x="8" y="15"/>
                      <a:pt x="8" y="15"/>
                      <a:pt x="8" y="15"/>
                    </a:cubicBezTo>
                    <a:cubicBezTo>
                      <a:pt x="8" y="15"/>
                      <a:pt x="2" y="16"/>
                      <a:pt x="1" y="16"/>
                    </a:cubicBezTo>
                    <a:cubicBezTo>
                      <a:pt x="0" y="21"/>
                      <a:pt x="0" y="21"/>
                      <a:pt x="0" y="21"/>
                    </a:cubicBezTo>
                    <a:cubicBezTo>
                      <a:pt x="0" y="22"/>
                      <a:pt x="6" y="25"/>
                      <a:pt x="6" y="25"/>
                    </a:cubicBezTo>
                    <a:cubicBezTo>
                      <a:pt x="6" y="28"/>
                      <a:pt x="6" y="28"/>
                      <a:pt x="6" y="28"/>
                    </a:cubicBezTo>
                    <a:cubicBezTo>
                      <a:pt x="6" y="28"/>
                      <a:pt x="2" y="34"/>
                      <a:pt x="2" y="34"/>
                    </a:cubicBezTo>
                    <a:cubicBezTo>
                      <a:pt x="5" y="39"/>
                      <a:pt x="5" y="39"/>
                      <a:pt x="5" y="39"/>
                    </a:cubicBezTo>
                    <a:cubicBezTo>
                      <a:pt x="5" y="39"/>
                      <a:pt x="12" y="38"/>
                      <a:pt x="12" y="38"/>
                    </a:cubicBezTo>
                    <a:cubicBezTo>
                      <a:pt x="14" y="39"/>
                      <a:pt x="14" y="39"/>
                      <a:pt x="14" y="39"/>
                    </a:cubicBezTo>
                    <a:cubicBezTo>
                      <a:pt x="14" y="39"/>
                      <a:pt x="15" y="46"/>
                      <a:pt x="15" y="46"/>
                    </a:cubicBezTo>
                    <a:cubicBezTo>
                      <a:pt x="20" y="48"/>
                      <a:pt x="20" y="48"/>
                      <a:pt x="20" y="48"/>
                    </a:cubicBezTo>
                    <a:cubicBezTo>
                      <a:pt x="21" y="48"/>
                      <a:pt x="24" y="42"/>
                      <a:pt x="24" y="42"/>
                    </a:cubicBezTo>
                    <a:cubicBezTo>
                      <a:pt x="27" y="42"/>
                      <a:pt x="27" y="42"/>
                      <a:pt x="27" y="42"/>
                    </a:cubicBezTo>
                    <a:cubicBezTo>
                      <a:pt x="27" y="42"/>
                      <a:pt x="33" y="46"/>
                      <a:pt x="33" y="46"/>
                    </a:cubicBezTo>
                    <a:cubicBezTo>
                      <a:pt x="38" y="43"/>
                      <a:pt x="38" y="43"/>
                      <a:pt x="38" y="43"/>
                    </a:cubicBezTo>
                    <a:cubicBezTo>
                      <a:pt x="38" y="43"/>
                      <a:pt x="37" y="36"/>
                      <a:pt x="37" y="36"/>
                    </a:cubicBezTo>
                    <a:cubicBezTo>
                      <a:pt x="38" y="33"/>
                      <a:pt x="38" y="33"/>
                      <a:pt x="38" y="33"/>
                    </a:cubicBezTo>
                    <a:cubicBezTo>
                      <a:pt x="38" y="33"/>
                      <a:pt x="45" y="32"/>
                      <a:pt x="45" y="32"/>
                    </a:cubicBezTo>
                    <a:cubicBezTo>
                      <a:pt x="46" y="27"/>
                      <a:pt x="46" y="27"/>
                      <a:pt x="46" y="27"/>
                    </a:cubicBezTo>
                    <a:cubicBezTo>
                      <a:pt x="47" y="27"/>
                      <a:pt x="41" y="23"/>
                      <a:pt x="41" y="23"/>
                    </a:cubicBezTo>
                    <a:close/>
                    <a:moveTo>
                      <a:pt x="31" y="26"/>
                    </a:moveTo>
                    <a:cubicBezTo>
                      <a:pt x="30" y="30"/>
                      <a:pt x="26" y="32"/>
                      <a:pt x="22" y="31"/>
                    </a:cubicBezTo>
                    <a:cubicBezTo>
                      <a:pt x="18" y="30"/>
                      <a:pt x="15" y="26"/>
                      <a:pt x="16" y="22"/>
                    </a:cubicBezTo>
                    <a:cubicBezTo>
                      <a:pt x="17" y="18"/>
                      <a:pt x="21" y="16"/>
                      <a:pt x="25" y="17"/>
                    </a:cubicBezTo>
                    <a:cubicBezTo>
                      <a:pt x="29" y="18"/>
                      <a:pt x="32" y="22"/>
                      <a:pt x="31" y="26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grpSp>
        <p:nvGrpSpPr>
          <p:cNvPr id="50" name="组合 49"/>
          <p:cNvGrpSpPr/>
          <p:nvPr/>
        </p:nvGrpSpPr>
        <p:grpSpPr>
          <a:xfrm>
            <a:off x="3246322" y="3989880"/>
            <a:ext cx="1385045" cy="1338581"/>
            <a:chOff x="3246322" y="3782059"/>
            <a:chExt cx="1385045" cy="1338581"/>
          </a:xfrm>
        </p:grpSpPr>
        <p:sp>
          <p:nvSpPr>
            <p:cNvPr id="51" name="Rounded Rectangle 7"/>
            <p:cNvSpPr/>
            <p:nvPr/>
          </p:nvSpPr>
          <p:spPr>
            <a:xfrm>
              <a:off x="3246322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52" name="Group 40"/>
            <p:cNvGrpSpPr/>
            <p:nvPr/>
          </p:nvGrpSpPr>
          <p:grpSpPr>
            <a:xfrm>
              <a:off x="3764386" y="4184946"/>
              <a:ext cx="337713" cy="588718"/>
              <a:chOff x="5734050" y="3273426"/>
              <a:chExt cx="117475" cy="204788"/>
            </a:xfrm>
            <a:solidFill>
              <a:schemeClr val="bg1"/>
            </a:solidFill>
          </p:grpSpPr>
          <p:sp>
            <p:nvSpPr>
              <p:cNvPr id="53" name="Freeform 22"/>
              <p:cNvSpPr>
                <a:spLocks/>
              </p:cNvSpPr>
              <p:nvPr/>
            </p:nvSpPr>
            <p:spPr bwMode="auto">
              <a:xfrm>
                <a:off x="5756275" y="3273426"/>
                <a:ext cx="95250" cy="204788"/>
              </a:xfrm>
              <a:custGeom>
                <a:avLst/>
                <a:gdLst>
                  <a:gd name="T0" fmla="*/ 53 w 59"/>
                  <a:gd name="T1" fmla="*/ 6 h 126"/>
                  <a:gd name="T2" fmla="*/ 9 w 59"/>
                  <a:gd name="T3" fmla="*/ 38 h 126"/>
                  <a:gd name="T4" fmla="*/ 0 w 59"/>
                  <a:gd name="T5" fmla="*/ 40 h 126"/>
                  <a:gd name="T6" fmla="*/ 0 w 59"/>
                  <a:gd name="T7" fmla="*/ 87 h 126"/>
                  <a:gd name="T8" fmla="*/ 9 w 59"/>
                  <a:gd name="T9" fmla="*/ 88 h 126"/>
                  <a:gd name="T10" fmla="*/ 52 w 59"/>
                  <a:gd name="T11" fmla="*/ 120 h 126"/>
                  <a:gd name="T12" fmla="*/ 59 w 59"/>
                  <a:gd name="T13" fmla="*/ 120 h 126"/>
                  <a:gd name="T14" fmla="*/ 59 w 59"/>
                  <a:gd name="T15" fmla="*/ 6 h 126"/>
                  <a:gd name="T16" fmla="*/ 53 w 59"/>
                  <a:gd name="T17" fmla="*/ 6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59" h="126">
                    <a:moveTo>
                      <a:pt x="53" y="6"/>
                    </a:moveTo>
                    <a:cubicBezTo>
                      <a:pt x="9" y="38"/>
                      <a:pt x="9" y="38"/>
                      <a:pt x="9" y="38"/>
                    </a:cubicBezTo>
                    <a:cubicBezTo>
                      <a:pt x="9" y="38"/>
                      <a:pt x="5" y="38"/>
                      <a:pt x="0" y="40"/>
                    </a:cubicBezTo>
                    <a:cubicBezTo>
                      <a:pt x="0" y="87"/>
                      <a:pt x="0" y="87"/>
                      <a:pt x="0" y="87"/>
                    </a:cubicBezTo>
                    <a:cubicBezTo>
                      <a:pt x="5" y="88"/>
                      <a:pt x="9" y="88"/>
                      <a:pt x="9" y="88"/>
                    </a:cubicBezTo>
                    <a:cubicBezTo>
                      <a:pt x="52" y="120"/>
                      <a:pt x="52" y="120"/>
                      <a:pt x="52" y="120"/>
                    </a:cubicBezTo>
                    <a:cubicBezTo>
                      <a:pt x="52" y="120"/>
                      <a:pt x="59" y="126"/>
                      <a:pt x="59" y="120"/>
                    </a:cubicBezTo>
                    <a:cubicBezTo>
                      <a:pt x="59" y="113"/>
                      <a:pt x="59" y="12"/>
                      <a:pt x="59" y="6"/>
                    </a:cubicBezTo>
                    <a:cubicBezTo>
                      <a:pt x="59" y="0"/>
                      <a:pt x="53" y="6"/>
                      <a:pt x="53" y="6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54" name="Freeform 23"/>
              <p:cNvSpPr>
                <a:spLocks/>
              </p:cNvSpPr>
              <p:nvPr/>
            </p:nvSpPr>
            <p:spPr bwMode="auto">
              <a:xfrm>
                <a:off x="5734050" y="3341688"/>
                <a:ext cx="11113" cy="69850"/>
              </a:xfrm>
              <a:custGeom>
                <a:avLst/>
                <a:gdLst>
                  <a:gd name="T0" fmla="*/ 0 w 7"/>
                  <a:gd name="T1" fmla="*/ 7 h 43"/>
                  <a:gd name="T2" fmla="*/ 0 w 7"/>
                  <a:gd name="T3" fmla="*/ 37 h 43"/>
                  <a:gd name="T4" fmla="*/ 7 w 7"/>
                  <a:gd name="T5" fmla="*/ 43 h 43"/>
                  <a:gd name="T6" fmla="*/ 7 w 7"/>
                  <a:gd name="T7" fmla="*/ 0 h 43"/>
                  <a:gd name="T8" fmla="*/ 0 w 7"/>
                  <a:gd name="T9" fmla="*/ 7 h 4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" h="43">
                    <a:moveTo>
                      <a:pt x="0" y="7"/>
                    </a:moveTo>
                    <a:cubicBezTo>
                      <a:pt x="0" y="16"/>
                      <a:pt x="0" y="31"/>
                      <a:pt x="0" y="37"/>
                    </a:cubicBezTo>
                    <a:cubicBezTo>
                      <a:pt x="0" y="40"/>
                      <a:pt x="3" y="42"/>
                      <a:pt x="7" y="43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3" y="1"/>
                      <a:pt x="0" y="4"/>
                      <a:pt x="0" y="7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grpSp>
        <p:nvGrpSpPr>
          <p:cNvPr id="55" name="组合 54"/>
          <p:cNvGrpSpPr/>
          <p:nvPr/>
        </p:nvGrpSpPr>
        <p:grpSpPr>
          <a:xfrm>
            <a:off x="7607290" y="3989880"/>
            <a:ext cx="1385045" cy="1338581"/>
            <a:chOff x="7607290" y="3782059"/>
            <a:chExt cx="1385045" cy="1338581"/>
          </a:xfrm>
        </p:grpSpPr>
        <p:sp>
          <p:nvSpPr>
            <p:cNvPr id="56" name="Rounded Rectangle 9"/>
            <p:cNvSpPr/>
            <p:nvPr/>
          </p:nvSpPr>
          <p:spPr>
            <a:xfrm>
              <a:off x="7607290" y="3782059"/>
              <a:ext cx="1385045" cy="1338581"/>
            </a:xfrm>
            <a:prstGeom prst="roundRect">
              <a:avLst>
                <a:gd name="adj" fmla="val 8236"/>
              </a:avLst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2400"/>
            </a:p>
          </p:txBody>
        </p:sp>
        <p:grpSp>
          <p:nvGrpSpPr>
            <p:cNvPr id="57" name="Group 43"/>
            <p:cNvGrpSpPr/>
            <p:nvPr/>
          </p:nvGrpSpPr>
          <p:grpSpPr>
            <a:xfrm>
              <a:off x="8175400" y="4239226"/>
              <a:ext cx="318031" cy="480158"/>
              <a:chOff x="549275" y="4406901"/>
              <a:chExt cx="161926" cy="244475"/>
            </a:xfrm>
            <a:solidFill>
              <a:schemeClr val="bg1"/>
            </a:solidFill>
          </p:grpSpPr>
          <p:sp>
            <p:nvSpPr>
              <p:cNvPr id="58" name="Freeform 62"/>
              <p:cNvSpPr>
                <a:spLocks noEditPoints="1"/>
              </p:cNvSpPr>
              <p:nvPr/>
            </p:nvSpPr>
            <p:spPr bwMode="auto">
              <a:xfrm>
                <a:off x="549275" y="4406901"/>
                <a:ext cx="138113" cy="244475"/>
              </a:xfrm>
              <a:custGeom>
                <a:avLst/>
                <a:gdLst>
                  <a:gd name="T0" fmla="*/ 66 w 73"/>
                  <a:gd name="T1" fmla="*/ 105 h 129"/>
                  <a:gd name="T2" fmla="*/ 7 w 73"/>
                  <a:gd name="T3" fmla="*/ 105 h 129"/>
                  <a:gd name="T4" fmla="*/ 7 w 73"/>
                  <a:gd name="T5" fmla="*/ 16 h 129"/>
                  <a:gd name="T6" fmla="*/ 66 w 73"/>
                  <a:gd name="T7" fmla="*/ 16 h 129"/>
                  <a:gd name="T8" fmla="*/ 66 w 73"/>
                  <a:gd name="T9" fmla="*/ 35 h 129"/>
                  <a:gd name="T10" fmla="*/ 73 w 73"/>
                  <a:gd name="T11" fmla="*/ 35 h 129"/>
                  <a:gd name="T12" fmla="*/ 73 w 73"/>
                  <a:gd name="T13" fmla="*/ 10 h 129"/>
                  <a:gd name="T14" fmla="*/ 63 w 73"/>
                  <a:gd name="T15" fmla="*/ 0 h 129"/>
                  <a:gd name="T16" fmla="*/ 9 w 73"/>
                  <a:gd name="T17" fmla="*/ 0 h 129"/>
                  <a:gd name="T18" fmla="*/ 0 w 73"/>
                  <a:gd name="T19" fmla="*/ 10 h 129"/>
                  <a:gd name="T20" fmla="*/ 0 w 73"/>
                  <a:gd name="T21" fmla="*/ 120 h 129"/>
                  <a:gd name="T22" fmla="*/ 9 w 73"/>
                  <a:gd name="T23" fmla="*/ 129 h 129"/>
                  <a:gd name="T24" fmla="*/ 63 w 73"/>
                  <a:gd name="T25" fmla="*/ 129 h 129"/>
                  <a:gd name="T26" fmla="*/ 73 w 73"/>
                  <a:gd name="T27" fmla="*/ 120 h 129"/>
                  <a:gd name="T28" fmla="*/ 73 w 73"/>
                  <a:gd name="T29" fmla="*/ 79 h 129"/>
                  <a:gd name="T30" fmla="*/ 66 w 73"/>
                  <a:gd name="T31" fmla="*/ 79 h 129"/>
                  <a:gd name="T32" fmla="*/ 66 w 73"/>
                  <a:gd name="T33" fmla="*/ 105 h 129"/>
                  <a:gd name="T34" fmla="*/ 57 w 73"/>
                  <a:gd name="T35" fmla="*/ 6 h 129"/>
                  <a:gd name="T36" fmla="*/ 60 w 73"/>
                  <a:gd name="T37" fmla="*/ 9 h 129"/>
                  <a:gd name="T38" fmla="*/ 57 w 73"/>
                  <a:gd name="T39" fmla="*/ 11 h 129"/>
                  <a:gd name="T40" fmla="*/ 55 w 73"/>
                  <a:gd name="T41" fmla="*/ 9 h 129"/>
                  <a:gd name="T42" fmla="*/ 57 w 73"/>
                  <a:gd name="T43" fmla="*/ 6 h 129"/>
                  <a:gd name="T44" fmla="*/ 24 w 73"/>
                  <a:gd name="T45" fmla="*/ 7 h 129"/>
                  <a:gd name="T46" fmla="*/ 49 w 73"/>
                  <a:gd name="T47" fmla="*/ 7 h 129"/>
                  <a:gd name="T48" fmla="*/ 49 w 73"/>
                  <a:gd name="T49" fmla="*/ 10 h 129"/>
                  <a:gd name="T50" fmla="*/ 24 w 73"/>
                  <a:gd name="T51" fmla="*/ 10 h 129"/>
                  <a:gd name="T52" fmla="*/ 24 w 73"/>
                  <a:gd name="T53" fmla="*/ 7 h 129"/>
                  <a:gd name="T54" fmla="*/ 48 w 73"/>
                  <a:gd name="T55" fmla="*/ 119 h 129"/>
                  <a:gd name="T56" fmla="*/ 25 w 73"/>
                  <a:gd name="T57" fmla="*/ 119 h 129"/>
                  <a:gd name="T58" fmla="*/ 25 w 73"/>
                  <a:gd name="T59" fmla="*/ 112 h 129"/>
                  <a:gd name="T60" fmla="*/ 48 w 73"/>
                  <a:gd name="T61" fmla="*/ 112 h 129"/>
                  <a:gd name="T62" fmla="*/ 48 w 73"/>
                  <a:gd name="T63" fmla="*/ 119 h 1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</a:cxnLst>
                <a:rect l="0" t="0" r="r" b="b"/>
                <a:pathLst>
                  <a:path w="73" h="129">
                    <a:moveTo>
                      <a:pt x="66" y="105"/>
                    </a:moveTo>
                    <a:cubicBezTo>
                      <a:pt x="7" y="105"/>
                      <a:pt x="7" y="105"/>
                      <a:pt x="7" y="105"/>
                    </a:cubicBezTo>
                    <a:cubicBezTo>
                      <a:pt x="7" y="16"/>
                      <a:pt x="7" y="16"/>
                      <a:pt x="7" y="16"/>
                    </a:cubicBezTo>
                    <a:cubicBezTo>
                      <a:pt x="66" y="16"/>
                      <a:pt x="66" y="16"/>
                      <a:pt x="66" y="16"/>
                    </a:cubicBezTo>
                    <a:cubicBezTo>
                      <a:pt x="66" y="35"/>
                      <a:pt x="66" y="35"/>
                      <a:pt x="66" y="35"/>
                    </a:cubicBezTo>
                    <a:cubicBezTo>
                      <a:pt x="73" y="35"/>
                      <a:pt x="73" y="35"/>
                      <a:pt x="73" y="35"/>
                    </a:cubicBezTo>
                    <a:cubicBezTo>
                      <a:pt x="73" y="10"/>
                      <a:pt x="73" y="10"/>
                      <a:pt x="73" y="10"/>
                    </a:cubicBezTo>
                    <a:cubicBezTo>
                      <a:pt x="73" y="5"/>
                      <a:pt x="68" y="0"/>
                      <a:pt x="63" y="0"/>
                    </a:cubicBezTo>
                    <a:cubicBezTo>
                      <a:pt x="9" y="0"/>
                      <a:pt x="9" y="0"/>
                      <a:pt x="9" y="0"/>
                    </a:cubicBezTo>
                    <a:cubicBezTo>
                      <a:pt x="4" y="0"/>
                      <a:pt x="0" y="5"/>
                      <a:pt x="0" y="10"/>
                    </a:cubicBezTo>
                    <a:cubicBezTo>
                      <a:pt x="0" y="120"/>
                      <a:pt x="0" y="120"/>
                      <a:pt x="0" y="120"/>
                    </a:cubicBezTo>
                    <a:cubicBezTo>
                      <a:pt x="0" y="125"/>
                      <a:pt x="4" y="129"/>
                      <a:pt x="9" y="129"/>
                    </a:cubicBezTo>
                    <a:cubicBezTo>
                      <a:pt x="63" y="129"/>
                      <a:pt x="63" y="129"/>
                      <a:pt x="63" y="129"/>
                    </a:cubicBezTo>
                    <a:cubicBezTo>
                      <a:pt x="68" y="129"/>
                      <a:pt x="73" y="125"/>
                      <a:pt x="73" y="120"/>
                    </a:cubicBezTo>
                    <a:cubicBezTo>
                      <a:pt x="73" y="79"/>
                      <a:pt x="73" y="79"/>
                      <a:pt x="73" y="79"/>
                    </a:cubicBezTo>
                    <a:cubicBezTo>
                      <a:pt x="66" y="79"/>
                      <a:pt x="66" y="79"/>
                      <a:pt x="66" y="79"/>
                    </a:cubicBezTo>
                    <a:lnTo>
                      <a:pt x="66" y="105"/>
                    </a:lnTo>
                    <a:close/>
                    <a:moveTo>
                      <a:pt x="57" y="6"/>
                    </a:moveTo>
                    <a:cubicBezTo>
                      <a:pt x="58" y="6"/>
                      <a:pt x="60" y="7"/>
                      <a:pt x="60" y="9"/>
                    </a:cubicBezTo>
                    <a:cubicBezTo>
                      <a:pt x="60" y="10"/>
                      <a:pt x="58" y="11"/>
                      <a:pt x="57" y="11"/>
                    </a:cubicBezTo>
                    <a:cubicBezTo>
                      <a:pt x="56" y="11"/>
                      <a:pt x="55" y="10"/>
                      <a:pt x="55" y="9"/>
                    </a:cubicBezTo>
                    <a:cubicBezTo>
                      <a:pt x="55" y="7"/>
                      <a:pt x="56" y="6"/>
                      <a:pt x="57" y="6"/>
                    </a:cubicBezTo>
                    <a:close/>
                    <a:moveTo>
                      <a:pt x="24" y="7"/>
                    </a:moveTo>
                    <a:cubicBezTo>
                      <a:pt x="49" y="7"/>
                      <a:pt x="49" y="7"/>
                      <a:pt x="49" y="7"/>
                    </a:cubicBezTo>
                    <a:cubicBezTo>
                      <a:pt x="49" y="10"/>
                      <a:pt x="49" y="10"/>
                      <a:pt x="49" y="10"/>
                    </a:cubicBezTo>
                    <a:cubicBezTo>
                      <a:pt x="24" y="10"/>
                      <a:pt x="24" y="10"/>
                      <a:pt x="24" y="10"/>
                    </a:cubicBezTo>
                    <a:lnTo>
                      <a:pt x="24" y="7"/>
                    </a:lnTo>
                    <a:close/>
                    <a:moveTo>
                      <a:pt x="48" y="119"/>
                    </a:moveTo>
                    <a:cubicBezTo>
                      <a:pt x="25" y="119"/>
                      <a:pt x="25" y="119"/>
                      <a:pt x="25" y="119"/>
                    </a:cubicBezTo>
                    <a:cubicBezTo>
                      <a:pt x="25" y="112"/>
                      <a:pt x="25" y="112"/>
                      <a:pt x="25" y="112"/>
                    </a:cubicBezTo>
                    <a:cubicBezTo>
                      <a:pt x="48" y="112"/>
                      <a:pt x="48" y="112"/>
                      <a:pt x="48" y="112"/>
                    </a:cubicBezTo>
                    <a:lnTo>
                      <a:pt x="48" y="119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  <p:sp>
            <p:nvSpPr>
              <p:cNvPr id="59" name="Freeform 63"/>
              <p:cNvSpPr>
                <a:spLocks/>
              </p:cNvSpPr>
              <p:nvPr/>
            </p:nvSpPr>
            <p:spPr bwMode="auto">
              <a:xfrm>
                <a:off x="608013" y="4478338"/>
                <a:ext cx="103188" cy="98425"/>
              </a:xfrm>
              <a:custGeom>
                <a:avLst/>
                <a:gdLst>
                  <a:gd name="T0" fmla="*/ 0 w 65"/>
                  <a:gd name="T1" fmla="*/ 44 h 62"/>
                  <a:gd name="T2" fmla="*/ 8 w 65"/>
                  <a:gd name="T3" fmla="*/ 44 h 62"/>
                  <a:gd name="T4" fmla="*/ 0 w 65"/>
                  <a:gd name="T5" fmla="*/ 62 h 62"/>
                  <a:gd name="T6" fmla="*/ 22 w 65"/>
                  <a:gd name="T7" fmla="*/ 44 h 62"/>
                  <a:gd name="T8" fmla="*/ 65 w 65"/>
                  <a:gd name="T9" fmla="*/ 44 h 62"/>
                  <a:gd name="T10" fmla="*/ 65 w 65"/>
                  <a:gd name="T11" fmla="*/ 0 h 62"/>
                  <a:gd name="T12" fmla="*/ 0 w 65"/>
                  <a:gd name="T13" fmla="*/ 0 h 62"/>
                  <a:gd name="T14" fmla="*/ 0 w 65"/>
                  <a:gd name="T15" fmla="*/ 44 h 6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65" h="62">
                    <a:moveTo>
                      <a:pt x="0" y="44"/>
                    </a:moveTo>
                    <a:lnTo>
                      <a:pt x="8" y="44"/>
                    </a:lnTo>
                    <a:lnTo>
                      <a:pt x="0" y="62"/>
                    </a:lnTo>
                    <a:lnTo>
                      <a:pt x="22" y="44"/>
                    </a:lnTo>
                    <a:lnTo>
                      <a:pt x="65" y="44"/>
                    </a:lnTo>
                    <a:lnTo>
                      <a:pt x="65" y="0"/>
                    </a:lnTo>
                    <a:lnTo>
                      <a:pt x="0" y="0"/>
                    </a:lnTo>
                    <a:lnTo>
                      <a:pt x="0" y="44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  <a:headEnd/>
                    <a:tailE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>
                <a:prstTxWarp prst="textNoShape">
                  <a:avLst/>
                </a:prstTxWarp>
              </a:bodyPr>
              <a:lstStyle/>
              <a:p>
                <a:endParaRPr lang="en-US" sz="2400"/>
              </a:p>
            </p:txBody>
          </p:sp>
        </p:grpSp>
      </p:grpSp>
      <p:sp>
        <p:nvSpPr>
          <p:cNvPr id="60" name="矩形 59"/>
          <p:cNvSpPr/>
          <p:nvPr/>
        </p:nvSpPr>
        <p:spPr bwMode="auto">
          <a:xfrm>
            <a:off x="706588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>
                <a:solidFill>
                  <a:srgbClr val="80AD3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the relevant title</a:t>
            </a:r>
          </a:p>
        </p:txBody>
      </p:sp>
      <p:sp>
        <p:nvSpPr>
          <p:cNvPr id="61" name="矩形 60"/>
          <p:cNvSpPr/>
          <p:nvPr/>
        </p:nvSpPr>
        <p:spPr bwMode="auto">
          <a:xfrm>
            <a:off x="2894416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>
                <a:solidFill>
                  <a:srgbClr val="FEBC3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the relevant title</a:t>
            </a:r>
          </a:p>
        </p:txBody>
      </p:sp>
      <p:sp>
        <p:nvSpPr>
          <p:cNvPr id="62" name="矩形 61"/>
          <p:cNvSpPr/>
          <p:nvPr/>
        </p:nvSpPr>
        <p:spPr bwMode="auto">
          <a:xfrm>
            <a:off x="5178734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>
                <a:solidFill>
                  <a:srgbClr val="A883BD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the relevant title</a:t>
            </a:r>
          </a:p>
        </p:txBody>
      </p:sp>
      <p:sp>
        <p:nvSpPr>
          <p:cNvPr id="63" name="矩形 62"/>
          <p:cNvSpPr/>
          <p:nvPr/>
        </p:nvSpPr>
        <p:spPr bwMode="auto">
          <a:xfrm>
            <a:off x="7366562" y="5942026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>
                <a:solidFill>
                  <a:srgbClr val="FF66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the relevant title</a:t>
            </a:r>
          </a:p>
        </p:txBody>
      </p:sp>
      <p:sp>
        <p:nvSpPr>
          <p:cNvPr id="64" name="矩形 63"/>
          <p:cNvSpPr/>
          <p:nvPr/>
        </p:nvSpPr>
        <p:spPr bwMode="auto">
          <a:xfrm>
            <a:off x="9554390" y="5964445"/>
            <a:ext cx="214154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zh-CN" altLang="en-US" sz="2400" b="1" dirty="0">
                <a:solidFill>
                  <a:srgbClr val="45AFC5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nter the relevant title</a:t>
            </a:r>
          </a:p>
        </p:txBody>
      </p:sp>
    </p:spTree>
    <p:extLst>
      <p:ext uri="{BB962C8B-B14F-4D97-AF65-F5344CB8AC3E}">
        <p14:creationId xmlns:p14="http://schemas.microsoft.com/office/powerpoint/2010/main" val="2043573771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:a14="http://schemas.microsoft.com/office/drawing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decel="42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750"/>
                            </p:stCondLst>
                            <p:childTnLst>
                              <p:par>
                                <p:cTn id="10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12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250"/>
                            </p:stCondLst>
                            <p:childTnLst>
                              <p:par>
                                <p:cTn id="14" presetID="2" presetClass="entr" presetSubtype="4" decel="42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75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4" decel="4200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750" fill="hold"/>
                                        <p:tgtEl>
                                          <p:spTgt spid="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4" decel="4200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75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750" fill="hold"/>
                                        <p:tgtEl>
                                          <p:spTgt spid="3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" presetClass="entr" presetSubtype="4" decel="4200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75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750" fill="hold"/>
                                        <p:tgtEl>
                                          <p:spTgt spid="5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2" presetClass="entr" presetSubtype="4" decel="4200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75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000"/>
                            </p:stCondLst>
                            <p:childTnLst>
                              <p:par>
                                <p:cTn id="3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0" grpId="0"/>
      <p:bldP spid="61" grpId="0"/>
      <p:bldP spid="62" grpId="0"/>
      <p:bldP spid="63" grpId="0"/>
      <p:bldP spid="64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20" name="Freeform 60"/>
          <p:cNvSpPr>
            <a:spLocks noEditPoints="1"/>
          </p:cNvSpPr>
          <p:nvPr/>
        </p:nvSpPr>
        <p:spPr bwMode="auto">
          <a:xfrm rot="898892">
            <a:off x="1078542" y="3914444"/>
            <a:ext cx="1826997" cy="1860318"/>
          </a:xfrm>
          <a:custGeom>
            <a:avLst/>
            <a:gdLst>
              <a:gd name="T0" fmla="*/ 135 w 672"/>
              <a:gd name="T1" fmla="*/ 480 h 684"/>
              <a:gd name="T2" fmla="*/ 153 w 672"/>
              <a:gd name="T3" fmla="*/ 484 h 684"/>
              <a:gd name="T4" fmla="*/ 222 w 672"/>
              <a:gd name="T5" fmla="*/ 369 h 684"/>
              <a:gd name="T6" fmla="*/ 195 w 672"/>
              <a:gd name="T7" fmla="*/ 345 h 684"/>
              <a:gd name="T8" fmla="*/ 178 w 672"/>
              <a:gd name="T9" fmla="*/ 318 h 684"/>
              <a:gd name="T10" fmla="*/ 165 w 672"/>
              <a:gd name="T11" fmla="*/ 281 h 684"/>
              <a:gd name="T12" fmla="*/ 176 w 672"/>
              <a:gd name="T13" fmla="*/ 218 h 684"/>
              <a:gd name="T14" fmla="*/ 214 w 672"/>
              <a:gd name="T15" fmla="*/ 190 h 684"/>
              <a:gd name="T16" fmla="*/ 206 w 672"/>
              <a:gd name="T17" fmla="*/ 334 h 684"/>
              <a:gd name="T18" fmla="*/ 270 w 672"/>
              <a:gd name="T19" fmla="*/ 354 h 684"/>
              <a:gd name="T20" fmla="*/ 293 w 672"/>
              <a:gd name="T21" fmla="*/ 388 h 684"/>
              <a:gd name="T22" fmla="*/ 313 w 672"/>
              <a:gd name="T23" fmla="*/ 440 h 684"/>
              <a:gd name="T24" fmla="*/ 270 w 672"/>
              <a:gd name="T25" fmla="*/ 537 h 684"/>
              <a:gd name="T26" fmla="*/ 229 w 672"/>
              <a:gd name="T27" fmla="*/ 590 h 684"/>
              <a:gd name="T28" fmla="*/ 231 w 672"/>
              <a:gd name="T29" fmla="*/ 634 h 684"/>
              <a:gd name="T30" fmla="*/ 300 w 672"/>
              <a:gd name="T31" fmla="*/ 671 h 684"/>
              <a:gd name="T32" fmla="*/ 279 w 672"/>
              <a:gd name="T33" fmla="*/ 637 h 684"/>
              <a:gd name="T34" fmla="*/ 275 w 672"/>
              <a:gd name="T35" fmla="*/ 617 h 684"/>
              <a:gd name="T36" fmla="*/ 310 w 672"/>
              <a:gd name="T37" fmla="*/ 606 h 684"/>
              <a:gd name="T38" fmla="*/ 332 w 672"/>
              <a:gd name="T39" fmla="*/ 529 h 684"/>
              <a:gd name="T40" fmla="*/ 376 w 672"/>
              <a:gd name="T41" fmla="*/ 400 h 684"/>
              <a:gd name="T42" fmla="*/ 424 w 672"/>
              <a:gd name="T43" fmla="*/ 326 h 684"/>
              <a:gd name="T44" fmla="*/ 490 w 672"/>
              <a:gd name="T45" fmla="*/ 346 h 684"/>
              <a:gd name="T46" fmla="*/ 531 w 672"/>
              <a:gd name="T47" fmla="*/ 390 h 684"/>
              <a:gd name="T48" fmla="*/ 563 w 672"/>
              <a:gd name="T49" fmla="*/ 422 h 684"/>
              <a:gd name="T50" fmla="*/ 578 w 672"/>
              <a:gd name="T51" fmla="*/ 455 h 684"/>
              <a:gd name="T52" fmla="*/ 624 w 672"/>
              <a:gd name="T53" fmla="*/ 444 h 684"/>
              <a:gd name="T54" fmla="*/ 643 w 672"/>
              <a:gd name="T55" fmla="*/ 403 h 684"/>
              <a:gd name="T56" fmla="*/ 604 w 672"/>
              <a:gd name="T57" fmla="*/ 405 h 684"/>
              <a:gd name="T58" fmla="*/ 586 w 672"/>
              <a:gd name="T59" fmla="*/ 399 h 684"/>
              <a:gd name="T60" fmla="*/ 565 w 672"/>
              <a:gd name="T61" fmla="*/ 379 h 684"/>
              <a:gd name="T62" fmla="*/ 527 w 672"/>
              <a:gd name="T63" fmla="*/ 321 h 684"/>
              <a:gd name="T64" fmla="*/ 493 w 672"/>
              <a:gd name="T65" fmla="*/ 271 h 684"/>
              <a:gd name="T66" fmla="*/ 420 w 672"/>
              <a:gd name="T67" fmla="*/ 265 h 684"/>
              <a:gd name="T68" fmla="*/ 397 w 672"/>
              <a:gd name="T69" fmla="*/ 225 h 684"/>
              <a:gd name="T70" fmla="*/ 443 w 672"/>
              <a:gd name="T71" fmla="*/ 187 h 684"/>
              <a:gd name="T72" fmla="*/ 483 w 672"/>
              <a:gd name="T73" fmla="*/ 138 h 684"/>
              <a:gd name="T74" fmla="*/ 479 w 672"/>
              <a:gd name="T75" fmla="*/ 126 h 684"/>
              <a:gd name="T76" fmla="*/ 466 w 672"/>
              <a:gd name="T77" fmla="*/ 129 h 684"/>
              <a:gd name="T78" fmla="*/ 456 w 672"/>
              <a:gd name="T79" fmla="*/ 134 h 684"/>
              <a:gd name="T80" fmla="*/ 448 w 672"/>
              <a:gd name="T81" fmla="*/ 130 h 684"/>
              <a:gd name="T82" fmla="*/ 424 w 672"/>
              <a:gd name="T83" fmla="*/ 129 h 684"/>
              <a:gd name="T84" fmla="*/ 413 w 672"/>
              <a:gd name="T85" fmla="*/ 175 h 684"/>
              <a:gd name="T86" fmla="*/ 370 w 672"/>
              <a:gd name="T87" fmla="*/ 195 h 684"/>
              <a:gd name="T88" fmla="*/ 333 w 672"/>
              <a:gd name="T89" fmla="*/ 134 h 684"/>
              <a:gd name="T90" fmla="*/ 306 w 672"/>
              <a:gd name="T91" fmla="*/ 95 h 684"/>
              <a:gd name="T92" fmla="*/ 321 w 672"/>
              <a:gd name="T93" fmla="*/ 66 h 684"/>
              <a:gd name="T94" fmla="*/ 314 w 672"/>
              <a:gd name="T95" fmla="*/ 31 h 684"/>
              <a:gd name="T96" fmla="*/ 303 w 672"/>
              <a:gd name="T97" fmla="*/ 6 h 684"/>
              <a:gd name="T98" fmla="*/ 243 w 672"/>
              <a:gd name="T99" fmla="*/ 17 h 684"/>
              <a:gd name="T100" fmla="*/ 240 w 672"/>
              <a:gd name="T101" fmla="*/ 61 h 684"/>
              <a:gd name="T102" fmla="*/ 254 w 672"/>
              <a:gd name="T103" fmla="*/ 79 h 684"/>
              <a:gd name="T104" fmla="*/ 205 w 672"/>
              <a:gd name="T105" fmla="*/ 106 h 684"/>
              <a:gd name="T106" fmla="*/ 175 w 672"/>
              <a:gd name="T107" fmla="*/ 135 h 684"/>
              <a:gd name="T108" fmla="*/ 125 w 672"/>
              <a:gd name="T109" fmla="*/ 237 h 684"/>
              <a:gd name="T110" fmla="*/ 135 w 672"/>
              <a:gd name="T111" fmla="*/ 282 h 684"/>
              <a:gd name="T112" fmla="*/ 101 w 672"/>
              <a:gd name="T113" fmla="*/ 287 h 684"/>
              <a:gd name="T114" fmla="*/ 66 w 672"/>
              <a:gd name="T115" fmla="*/ 274 h 684"/>
              <a:gd name="T116" fmla="*/ 132 w 672"/>
              <a:gd name="T117" fmla="*/ 307 h 684"/>
              <a:gd name="T118" fmla="*/ 146 w 672"/>
              <a:gd name="T119" fmla="*/ 309 h 684"/>
              <a:gd name="T120" fmla="*/ 164 w 672"/>
              <a:gd name="T121" fmla="*/ 319 h 684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</a:cxnLst>
            <a:rect l="0" t="0" r="r" b="b"/>
            <a:pathLst>
              <a:path w="672" h="684">
                <a:moveTo>
                  <a:pt x="4" y="397"/>
                </a:moveTo>
                <a:cubicBezTo>
                  <a:pt x="5" y="397"/>
                  <a:pt x="6" y="397"/>
                  <a:pt x="7" y="398"/>
                </a:cubicBezTo>
                <a:cubicBezTo>
                  <a:pt x="8" y="398"/>
                  <a:pt x="9" y="399"/>
                  <a:pt x="9" y="399"/>
                </a:cubicBezTo>
                <a:cubicBezTo>
                  <a:pt x="9" y="399"/>
                  <a:pt x="9" y="399"/>
                  <a:pt x="9" y="401"/>
                </a:cubicBezTo>
                <a:cubicBezTo>
                  <a:pt x="9" y="402"/>
                  <a:pt x="10" y="403"/>
                  <a:pt x="12" y="403"/>
                </a:cubicBezTo>
                <a:cubicBezTo>
                  <a:pt x="13" y="404"/>
                  <a:pt x="15" y="403"/>
                  <a:pt x="15" y="403"/>
                </a:cubicBezTo>
                <a:cubicBezTo>
                  <a:pt x="15" y="403"/>
                  <a:pt x="48" y="424"/>
                  <a:pt x="55" y="429"/>
                </a:cubicBezTo>
                <a:cubicBezTo>
                  <a:pt x="63" y="433"/>
                  <a:pt x="80" y="444"/>
                  <a:pt x="88" y="450"/>
                </a:cubicBezTo>
                <a:cubicBezTo>
                  <a:pt x="97" y="455"/>
                  <a:pt x="108" y="462"/>
                  <a:pt x="114" y="466"/>
                </a:cubicBezTo>
                <a:cubicBezTo>
                  <a:pt x="120" y="470"/>
                  <a:pt x="126" y="474"/>
                  <a:pt x="129" y="476"/>
                </a:cubicBezTo>
                <a:cubicBezTo>
                  <a:pt x="133" y="478"/>
                  <a:pt x="135" y="479"/>
                  <a:pt x="135" y="479"/>
                </a:cubicBezTo>
                <a:cubicBezTo>
                  <a:pt x="135" y="479"/>
                  <a:pt x="135" y="480"/>
                  <a:pt x="135" y="480"/>
                </a:cubicBezTo>
                <a:cubicBezTo>
                  <a:pt x="135" y="480"/>
                  <a:pt x="134" y="481"/>
                  <a:pt x="135" y="482"/>
                </a:cubicBezTo>
                <a:cubicBezTo>
                  <a:pt x="136" y="483"/>
                  <a:pt x="136" y="483"/>
                  <a:pt x="138" y="483"/>
                </a:cubicBezTo>
                <a:cubicBezTo>
                  <a:pt x="139" y="484"/>
                  <a:pt x="140" y="483"/>
                  <a:pt x="140" y="483"/>
                </a:cubicBezTo>
                <a:cubicBezTo>
                  <a:pt x="140" y="483"/>
                  <a:pt x="141" y="483"/>
                  <a:pt x="141" y="484"/>
                </a:cubicBezTo>
                <a:cubicBezTo>
                  <a:pt x="141" y="484"/>
                  <a:pt x="142" y="484"/>
                  <a:pt x="142" y="485"/>
                </a:cubicBezTo>
                <a:cubicBezTo>
                  <a:pt x="143" y="486"/>
                  <a:pt x="144" y="486"/>
                  <a:pt x="144" y="487"/>
                </a:cubicBezTo>
                <a:cubicBezTo>
                  <a:pt x="145" y="488"/>
                  <a:pt x="146" y="488"/>
                  <a:pt x="146" y="488"/>
                </a:cubicBezTo>
                <a:cubicBezTo>
                  <a:pt x="147" y="488"/>
                  <a:pt x="148" y="487"/>
                  <a:pt x="148" y="487"/>
                </a:cubicBezTo>
                <a:cubicBezTo>
                  <a:pt x="148" y="487"/>
                  <a:pt x="149" y="487"/>
                  <a:pt x="149" y="486"/>
                </a:cubicBezTo>
                <a:cubicBezTo>
                  <a:pt x="150" y="485"/>
                  <a:pt x="150" y="485"/>
                  <a:pt x="150" y="485"/>
                </a:cubicBezTo>
                <a:cubicBezTo>
                  <a:pt x="150" y="485"/>
                  <a:pt x="151" y="485"/>
                  <a:pt x="151" y="485"/>
                </a:cubicBezTo>
                <a:cubicBezTo>
                  <a:pt x="151" y="485"/>
                  <a:pt x="153" y="484"/>
                  <a:pt x="153" y="484"/>
                </a:cubicBezTo>
                <a:cubicBezTo>
                  <a:pt x="153" y="484"/>
                  <a:pt x="153" y="484"/>
                  <a:pt x="154" y="485"/>
                </a:cubicBezTo>
                <a:cubicBezTo>
                  <a:pt x="154" y="485"/>
                  <a:pt x="156" y="484"/>
                  <a:pt x="156" y="484"/>
                </a:cubicBezTo>
                <a:cubicBezTo>
                  <a:pt x="156" y="484"/>
                  <a:pt x="157" y="484"/>
                  <a:pt x="157" y="484"/>
                </a:cubicBezTo>
                <a:cubicBezTo>
                  <a:pt x="158" y="483"/>
                  <a:pt x="158" y="482"/>
                  <a:pt x="158" y="482"/>
                </a:cubicBezTo>
                <a:cubicBezTo>
                  <a:pt x="159" y="481"/>
                  <a:pt x="159" y="480"/>
                  <a:pt x="160" y="479"/>
                </a:cubicBezTo>
                <a:cubicBezTo>
                  <a:pt x="160" y="478"/>
                  <a:pt x="160" y="478"/>
                  <a:pt x="160" y="478"/>
                </a:cubicBezTo>
                <a:cubicBezTo>
                  <a:pt x="160" y="478"/>
                  <a:pt x="168" y="463"/>
                  <a:pt x="171" y="458"/>
                </a:cubicBezTo>
                <a:cubicBezTo>
                  <a:pt x="175" y="452"/>
                  <a:pt x="185" y="433"/>
                  <a:pt x="190" y="424"/>
                </a:cubicBezTo>
                <a:cubicBezTo>
                  <a:pt x="195" y="415"/>
                  <a:pt x="202" y="403"/>
                  <a:pt x="206" y="396"/>
                </a:cubicBezTo>
                <a:cubicBezTo>
                  <a:pt x="210" y="388"/>
                  <a:pt x="218" y="375"/>
                  <a:pt x="219" y="373"/>
                </a:cubicBezTo>
                <a:cubicBezTo>
                  <a:pt x="219" y="372"/>
                  <a:pt x="220" y="371"/>
                  <a:pt x="220" y="371"/>
                </a:cubicBezTo>
                <a:cubicBezTo>
                  <a:pt x="221" y="370"/>
                  <a:pt x="221" y="370"/>
                  <a:pt x="222" y="369"/>
                </a:cubicBezTo>
                <a:cubicBezTo>
                  <a:pt x="222" y="368"/>
                  <a:pt x="223" y="368"/>
                  <a:pt x="223" y="368"/>
                </a:cubicBezTo>
                <a:cubicBezTo>
                  <a:pt x="224" y="367"/>
                  <a:pt x="225" y="366"/>
                  <a:pt x="224" y="365"/>
                </a:cubicBezTo>
                <a:cubicBezTo>
                  <a:pt x="224" y="363"/>
                  <a:pt x="222" y="363"/>
                  <a:pt x="221" y="363"/>
                </a:cubicBezTo>
                <a:cubicBezTo>
                  <a:pt x="220" y="362"/>
                  <a:pt x="219" y="361"/>
                  <a:pt x="219" y="361"/>
                </a:cubicBezTo>
                <a:cubicBezTo>
                  <a:pt x="218" y="361"/>
                  <a:pt x="218" y="361"/>
                  <a:pt x="217" y="360"/>
                </a:cubicBezTo>
                <a:cubicBezTo>
                  <a:pt x="216" y="359"/>
                  <a:pt x="211" y="356"/>
                  <a:pt x="208" y="355"/>
                </a:cubicBezTo>
                <a:cubicBezTo>
                  <a:pt x="205" y="353"/>
                  <a:pt x="202" y="351"/>
                  <a:pt x="202" y="351"/>
                </a:cubicBezTo>
                <a:cubicBezTo>
                  <a:pt x="202" y="351"/>
                  <a:pt x="202" y="351"/>
                  <a:pt x="202" y="350"/>
                </a:cubicBezTo>
                <a:cubicBezTo>
                  <a:pt x="203" y="349"/>
                  <a:pt x="202" y="349"/>
                  <a:pt x="202" y="349"/>
                </a:cubicBezTo>
                <a:cubicBezTo>
                  <a:pt x="201" y="349"/>
                  <a:pt x="201" y="349"/>
                  <a:pt x="201" y="348"/>
                </a:cubicBezTo>
                <a:cubicBezTo>
                  <a:pt x="201" y="348"/>
                  <a:pt x="199" y="347"/>
                  <a:pt x="197" y="346"/>
                </a:cubicBezTo>
                <a:cubicBezTo>
                  <a:pt x="196" y="345"/>
                  <a:pt x="195" y="345"/>
                  <a:pt x="195" y="345"/>
                </a:cubicBezTo>
                <a:cubicBezTo>
                  <a:pt x="194" y="346"/>
                  <a:pt x="193" y="346"/>
                  <a:pt x="193" y="346"/>
                </a:cubicBezTo>
                <a:cubicBezTo>
                  <a:pt x="193" y="346"/>
                  <a:pt x="172" y="332"/>
                  <a:pt x="170" y="331"/>
                </a:cubicBezTo>
                <a:cubicBezTo>
                  <a:pt x="168" y="330"/>
                  <a:pt x="166" y="328"/>
                  <a:pt x="166" y="328"/>
                </a:cubicBezTo>
                <a:cubicBezTo>
                  <a:pt x="166" y="328"/>
                  <a:pt x="166" y="327"/>
                  <a:pt x="166" y="327"/>
                </a:cubicBezTo>
                <a:cubicBezTo>
                  <a:pt x="167" y="326"/>
                  <a:pt x="166" y="326"/>
                  <a:pt x="166" y="326"/>
                </a:cubicBezTo>
                <a:cubicBezTo>
                  <a:pt x="166" y="326"/>
                  <a:pt x="166" y="325"/>
                  <a:pt x="167" y="325"/>
                </a:cubicBezTo>
                <a:cubicBezTo>
                  <a:pt x="167" y="324"/>
                  <a:pt x="168" y="324"/>
                  <a:pt x="168" y="324"/>
                </a:cubicBezTo>
                <a:cubicBezTo>
                  <a:pt x="169" y="324"/>
                  <a:pt x="169" y="323"/>
                  <a:pt x="171" y="321"/>
                </a:cubicBezTo>
                <a:cubicBezTo>
                  <a:pt x="173" y="318"/>
                  <a:pt x="173" y="317"/>
                  <a:pt x="173" y="317"/>
                </a:cubicBezTo>
                <a:cubicBezTo>
                  <a:pt x="173" y="317"/>
                  <a:pt x="173" y="317"/>
                  <a:pt x="174" y="316"/>
                </a:cubicBezTo>
                <a:cubicBezTo>
                  <a:pt x="174" y="316"/>
                  <a:pt x="174" y="317"/>
                  <a:pt x="176" y="317"/>
                </a:cubicBezTo>
                <a:cubicBezTo>
                  <a:pt x="177" y="318"/>
                  <a:pt x="177" y="318"/>
                  <a:pt x="178" y="318"/>
                </a:cubicBezTo>
                <a:cubicBezTo>
                  <a:pt x="178" y="317"/>
                  <a:pt x="179" y="317"/>
                  <a:pt x="178" y="315"/>
                </a:cubicBezTo>
                <a:cubicBezTo>
                  <a:pt x="178" y="314"/>
                  <a:pt x="177" y="311"/>
                  <a:pt x="177" y="311"/>
                </a:cubicBezTo>
                <a:cubicBezTo>
                  <a:pt x="177" y="311"/>
                  <a:pt x="177" y="311"/>
                  <a:pt x="177" y="310"/>
                </a:cubicBezTo>
                <a:cubicBezTo>
                  <a:pt x="177" y="309"/>
                  <a:pt x="177" y="308"/>
                  <a:pt x="177" y="306"/>
                </a:cubicBezTo>
                <a:cubicBezTo>
                  <a:pt x="178" y="305"/>
                  <a:pt x="177" y="304"/>
                  <a:pt x="177" y="302"/>
                </a:cubicBezTo>
                <a:cubicBezTo>
                  <a:pt x="176" y="301"/>
                  <a:pt x="176" y="300"/>
                  <a:pt x="175" y="298"/>
                </a:cubicBezTo>
                <a:cubicBezTo>
                  <a:pt x="175" y="296"/>
                  <a:pt x="175" y="295"/>
                  <a:pt x="175" y="294"/>
                </a:cubicBezTo>
                <a:cubicBezTo>
                  <a:pt x="175" y="292"/>
                  <a:pt x="174" y="291"/>
                  <a:pt x="173" y="290"/>
                </a:cubicBezTo>
                <a:cubicBezTo>
                  <a:pt x="172" y="289"/>
                  <a:pt x="171" y="287"/>
                  <a:pt x="170" y="287"/>
                </a:cubicBezTo>
                <a:cubicBezTo>
                  <a:pt x="170" y="286"/>
                  <a:pt x="169" y="285"/>
                  <a:pt x="168" y="284"/>
                </a:cubicBezTo>
                <a:cubicBezTo>
                  <a:pt x="168" y="284"/>
                  <a:pt x="168" y="283"/>
                  <a:pt x="167" y="282"/>
                </a:cubicBezTo>
                <a:cubicBezTo>
                  <a:pt x="166" y="282"/>
                  <a:pt x="165" y="281"/>
                  <a:pt x="165" y="281"/>
                </a:cubicBezTo>
                <a:cubicBezTo>
                  <a:pt x="165" y="281"/>
                  <a:pt x="166" y="281"/>
                  <a:pt x="166" y="280"/>
                </a:cubicBezTo>
                <a:cubicBezTo>
                  <a:pt x="167" y="280"/>
                  <a:pt x="167" y="280"/>
                  <a:pt x="167" y="278"/>
                </a:cubicBezTo>
                <a:cubicBezTo>
                  <a:pt x="167" y="276"/>
                  <a:pt x="167" y="275"/>
                  <a:pt x="168" y="271"/>
                </a:cubicBezTo>
                <a:cubicBezTo>
                  <a:pt x="168" y="267"/>
                  <a:pt x="168" y="266"/>
                  <a:pt x="169" y="262"/>
                </a:cubicBezTo>
                <a:cubicBezTo>
                  <a:pt x="169" y="258"/>
                  <a:pt x="169" y="256"/>
                  <a:pt x="170" y="253"/>
                </a:cubicBezTo>
                <a:cubicBezTo>
                  <a:pt x="170" y="250"/>
                  <a:pt x="171" y="248"/>
                  <a:pt x="171" y="245"/>
                </a:cubicBezTo>
                <a:cubicBezTo>
                  <a:pt x="172" y="242"/>
                  <a:pt x="172" y="241"/>
                  <a:pt x="172" y="240"/>
                </a:cubicBezTo>
                <a:cubicBezTo>
                  <a:pt x="172" y="238"/>
                  <a:pt x="172" y="237"/>
                  <a:pt x="172" y="235"/>
                </a:cubicBezTo>
                <a:cubicBezTo>
                  <a:pt x="172" y="234"/>
                  <a:pt x="172" y="233"/>
                  <a:pt x="172" y="231"/>
                </a:cubicBezTo>
                <a:cubicBezTo>
                  <a:pt x="172" y="229"/>
                  <a:pt x="173" y="228"/>
                  <a:pt x="173" y="227"/>
                </a:cubicBezTo>
                <a:cubicBezTo>
                  <a:pt x="174" y="225"/>
                  <a:pt x="174" y="224"/>
                  <a:pt x="175" y="223"/>
                </a:cubicBezTo>
                <a:cubicBezTo>
                  <a:pt x="175" y="222"/>
                  <a:pt x="176" y="221"/>
                  <a:pt x="176" y="218"/>
                </a:cubicBezTo>
                <a:cubicBezTo>
                  <a:pt x="177" y="216"/>
                  <a:pt x="177" y="215"/>
                  <a:pt x="177" y="213"/>
                </a:cubicBezTo>
                <a:cubicBezTo>
                  <a:pt x="178" y="211"/>
                  <a:pt x="177" y="209"/>
                  <a:pt x="177" y="209"/>
                </a:cubicBezTo>
                <a:cubicBezTo>
                  <a:pt x="177" y="209"/>
                  <a:pt x="178" y="209"/>
                  <a:pt x="179" y="208"/>
                </a:cubicBezTo>
                <a:cubicBezTo>
                  <a:pt x="180" y="206"/>
                  <a:pt x="181" y="205"/>
                  <a:pt x="183" y="202"/>
                </a:cubicBezTo>
                <a:cubicBezTo>
                  <a:pt x="185" y="200"/>
                  <a:pt x="186" y="199"/>
                  <a:pt x="187" y="198"/>
                </a:cubicBezTo>
                <a:cubicBezTo>
                  <a:pt x="188" y="197"/>
                  <a:pt x="188" y="196"/>
                  <a:pt x="189" y="195"/>
                </a:cubicBezTo>
                <a:cubicBezTo>
                  <a:pt x="192" y="193"/>
                  <a:pt x="194" y="191"/>
                  <a:pt x="198" y="188"/>
                </a:cubicBezTo>
                <a:cubicBezTo>
                  <a:pt x="202" y="185"/>
                  <a:pt x="205" y="182"/>
                  <a:pt x="207" y="180"/>
                </a:cubicBezTo>
                <a:cubicBezTo>
                  <a:pt x="209" y="178"/>
                  <a:pt x="210" y="178"/>
                  <a:pt x="210" y="178"/>
                </a:cubicBezTo>
                <a:cubicBezTo>
                  <a:pt x="210" y="178"/>
                  <a:pt x="210" y="178"/>
                  <a:pt x="211" y="180"/>
                </a:cubicBezTo>
                <a:cubicBezTo>
                  <a:pt x="211" y="181"/>
                  <a:pt x="212" y="182"/>
                  <a:pt x="212" y="184"/>
                </a:cubicBezTo>
                <a:cubicBezTo>
                  <a:pt x="213" y="185"/>
                  <a:pt x="213" y="187"/>
                  <a:pt x="214" y="190"/>
                </a:cubicBezTo>
                <a:cubicBezTo>
                  <a:pt x="214" y="192"/>
                  <a:pt x="214" y="194"/>
                  <a:pt x="213" y="199"/>
                </a:cubicBezTo>
                <a:cubicBezTo>
                  <a:pt x="213" y="204"/>
                  <a:pt x="212" y="208"/>
                  <a:pt x="211" y="212"/>
                </a:cubicBezTo>
                <a:cubicBezTo>
                  <a:pt x="211" y="217"/>
                  <a:pt x="210" y="221"/>
                  <a:pt x="210" y="222"/>
                </a:cubicBezTo>
                <a:cubicBezTo>
                  <a:pt x="209" y="223"/>
                  <a:pt x="209" y="224"/>
                  <a:pt x="208" y="226"/>
                </a:cubicBezTo>
                <a:cubicBezTo>
                  <a:pt x="206" y="228"/>
                  <a:pt x="205" y="229"/>
                  <a:pt x="204" y="231"/>
                </a:cubicBezTo>
                <a:cubicBezTo>
                  <a:pt x="204" y="233"/>
                  <a:pt x="204" y="235"/>
                  <a:pt x="204" y="242"/>
                </a:cubicBezTo>
                <a:cubicBezTo>
                  <a:pt x="204" y="248"/>
                  <a:pt x="203" y="260"/>
                  <a:pt x="203" y="268"/>
                </a:cubicBezTo>
                <a:cubicBezTo>
                  <a:pt x="203" y="276"/>
                  <a:pt x="203" y="283"/>
                  <a:pt x="202" y="290"/>
                </a:cubicBezTo>
                <a:cubicBezTo>
                  <a:pt x="202" y="297"/>
                  <a:pt x="202" y="304"/>
                  <a:pt x="202" y="309"/>
                </a:cubicBezTo>
                <a:cubicBezTo>
                  <a:pt x="202" y="314"/>
                  <a:pt x="202" y="320"/>
                  <a:pt x="202" y="324"/>
                </a:cubicBezTo>
                <a:cubicBezTo>
                  <a:pt x="202" y="327"/>
                  <a:pt x="202" y="330"/>
                  <a:pt x="202" y="332"/>
                </a:cubicBezTo>
                <a:cubicBezTo>
                  <a:pt x="202" y="333"/>
                  <a:pt x="204" y="333"/>
                  <a:pt x="206" y="334"/>
                </a:cubicBezTo>
                <a:cubicBezTo>
                  <a:pt x="209" y="334"/>
                  <a:pt x="211" y="335"/>
                  <a:pt x="212" y="335"/>
                </a:cubicBezTo>
                <a:cubicBezTo>
                  <a:pt x="213" y="335"/>
                  <a:pt x="213" y="336"/>
                  <a:pt x="213" y="337"/>
                </a:cubicBezTo>
                <a:cubicBezTo>
                  <a:pt x="214" y="337"/>
                  <a:pt x="213" y="338"/>
                  <a:pt x="214" y="340"/>
                </a:cubicBezTo>
                <a:cubicBezTo>
                  <a:pt x="214" y="341"/>
                  <a:pt x="217" y="342"/>
                  <a:pt x="220" y="343"/>
                </a:cubicBezTo>
                <a:cubicBezTo>
                  <a:pt x="222" y="344"/>
                  <a:pt x="224" y="345"/>
                  <a:pt x="225" y="346"/>
                </a:cubicBezTo>
                <a:cubicBezTo>
                  <a:pt x="226" y="346"/>
                  <a:pt x="226" y="346"/>
                  <a:pt x="227" y="348"/>
                </a:cubicBezTo>
                <a:cubicBezTo>
                  <a:pt x="228" y="350"/>
                  <a:pt x="230" y="351"/>
                  <a:pt x="233" y="352"/>
                </a:cubicBezTo>
                <a:cubicBezTo>
                  <a:pt x="236" y="353"/>
                  <a:pt x="238" y="354"/>
                  <a:pt x="241" y="355"/>
                </a:cubicBezTo>
                <a:cubicBezTo>
                  <a:pt x="244" y="356"/>
                  <a:pt x="248" y="357"/>
                  <a:pt x="251" y="358"/>
                </a:cubicBezTo>
                <a:cubicBezTo>
                  <a:pt x="254" y="359"/>
                  <a:pt x="255" y="359"/>
                  <a:pt x="258" y="359"/>
                </a:cubicBezTo>
                <a:cubicBezTo>
                  <a:pt x="260" y="360"/>
                  <a:pt x="262" y="359"/>
                  <a:pt x="265" y="358"/>
                </a:cubicBezTo>
                <a:cubicBezTo>
                  <a:pt x="268" y="356"/>
                  <a:pt x="269" y="355"/>
                  <a:pt x="270" y="354"/>
                </a:cubicBezTo>
                <a:cubicBezTo>
                  <a:pt x="270" y="354"/>
                  <a:pt x="271" y="353"/>
                  <a:pt x="271" y="353"/>
                </a:cubicBezTo>
                <a:cubicBezTo>
                  <a:pt x="271" y="353"/>
                  <a:pt x="271" y="354"/>
                  <a:pt x="273" y="356"/>
                </a:cubicBezTo>
                <a:cubicBezTo>
                  <a:pt x="274" y="357"/>
                  <a:pt x="276" y="358"/>
                  <a:pt x="277" y="359"/>
                </a:cubicBezTo>
                <a:cubicBezTo>
                  <a:pt x="277" y="359"/>
                  <a:pt x="277" y="359"/>
                  <a:pt x="278" y="360"/>
                </a:cubicBezTo>
                <a:cubicBezTo>
                  <a:pt x="278" y="361"/>
                  <a:pt x="279" y="361"/>
                  <a:pt x="280" y="363"/>
                </a:cubicBezTo>
                <a:cubicBezTo>
                  <a:pt x="281" y="365"/>
                  <a:pt x="282" y="364"/>
                  <a:pt x="283" y="365"/>
                </a:cubicBezTo>
                <a:cubicBezTo>
                  <a:pt x="284" y="365"/>
                  <a:pt x="285" y="366"/>
                  <a:pt x="285" y="367"/>
                </a:cubicBezTo>
                <a:cubicBezTo>
                  <a:pt x="286" y="368"/>
                  <a:pt x="284" y="368"/>
                  <a:pt x="284" y="370"/>
                </a:cubicBezTo>
                <a:cubicBezTo>
                  <a:pt x="284" y="373"/>
                  <a:pt x="286" y="375"/>
                  <a:pt x="287" y="376"/>
                </a:cubicBezTo>
                <a:cubicBezTo>
                  <a:pt x="288" y="377"/>
                  <a:pt x="289" y="378"/>
                  <a:pt x="289" y="379"/>
                </a:cubicBezTo>
                <a:cubicBezTo>
                  <a:pt x="289" y="379"/>
                  <a:pt x="289" y="380"/>
                  <a:pt x="290" y="380"/>
                </a:cubicBezTo>
                <a:cubicBezTo>
                  <a:pt x="290" y="382"/>
                  <a:pt x="291" y="384"/>
                  <a:pt x="293" y="388"/>
                </a:cubicBezTo>
                <a:cubicBezTo>
                  <a:pt x="295" y="392"/>
                  <a:pt x="296" y="396"/>
                  <a:pt x="298" y="399"/>
                </a:cubicBezTo>
                <a:cubicBezTo>
                  <a:pt x="299" y="402"/>
                  <a:pt x="300" y="406"/>
                  <a:pt x="302" y="410"/>
                </a:cubicBezTo>
                <a:cubicBezTo>
                  <a:pt x="303" y="411"/>
                  <a:pt x="304" y="413"/>
                  <a:pt x="305" y="414"/>
                </a:cubicBezTo>
                <a:cubicBezTo>
                  <a:pt x="305" y="415"/>
                  <a:pt x="306" y="417"/>
                  <a:pt x="307" y="418"/>
                </a:cubicBezTo>
                <a:cubicBezTo>
                  <a:pt x="308" y="420"/>
                  <a:pt x="308" y="421"/>
                  <a:pt x="309" y="423"/>
                </a:cubicBezTo>
                <a:cubicBezTo>
                  <a:pt x="310" y="425"/>
                  <a:pt x="311" y="426"/>
                  <a:pt x="311" y="426"/>
                </a:cubicBezTo>
                <a:cubicBezTo>
                  <a:pt x="312" y="427"/>
                  <a:pt x="311" y="428"/>
                  <a:pt x="311" y="429"/>
                </a:cubicBezTo>
                <a:cubicBezTo>
                  <a:pt x="311" y="430"/>
                  <a:pt x="312" y="431"/>
                  <a:pt x="312" y="431"/>
                </a:cubicBezTo>
                <a:cubicBezTo>
                  <a:pt x="312" y="432"/>
                  <a:pt x="312" y="432"/>
                  <a:pt x="312" y="434"/>
                </a:cubicBezTo>
                <a:cubicBezTo>
                  <a:pt x="312" y="436"/>
                  <a:pt x="313" y="437"/>
                  <a:pt x="313" y="437"/>
                </a:cubicBezTo>
                <a:cubicBezTo>
                  <a:pt x="313" y="438"/>
                  <a:pt x="314" y="439"/>
                  <a:pt x="314" y="439"/>
                </a:cubicBezTo>
                <a:cubicBezTo>
                  <a:pt x="314" y="439"/>
                  <a:pt x="314" y="439"/>
                  <a:pt x="313" y="440"/>
                </a:cubicBezTo>
                <a:cubicBezTo>
                  <a:pt x="312" y="441"/>
                  <a:pt x="311" y="442"/>
                  <a:pt x="310" y="443"/>
                </a:cubicBezTo>
                <a:cubicBezTo>
                  <a:pt x="308" y="445"/>
                  <a:pt x="307" y="448"/>
                  <a:pt x="308" y="450"/>
                </a:cubicBezTo>
                <a:cubicBezTo>
                  <a:pt x="308" y="452"/>
                  <a:pt x="309" y="453"/>
                  <a:pt x="309" y="453"/>
                </a:cubicBezTo>
                <a:cubicBezTo>
                  <a:pt x="309" y="453"/>
                  <a:pt x="308" y="455"/>
                  <a:pt x="306" y="458"/>
                </a:cubicBezTo>
                <a:cubicBezTo>
                  <a:pt x="304" y="461"/>
                  <a:pt x="302" y="465"/>
                  <a:pt x="300" y="469"/>
                </a:cubicBezTo>
                <a:cubicBezTo>
                  <a:pt x="298" y="473"/>
                  <a:pt x="296" y="478"/>
                  <a:pt x="295" y="480"/>
                </a:cubicBezTo>
                <a:cubicBezTo>
                  <a:pt x="295" y="481"/>
                  <a:pt x="294" y="481"/>
                  <a:pt x="293" y="482"/>
                </a:cubicBezTo>
                <a:cubicBezTo>
                  <a:pt x="292" y="484"/>
                  <a:pt x="290" y="486"/>
                  <a:pt x="288" y="488"/>
                </a:cubicBezTo>
                <a:cubicBezTo>
                  <a:pt x="287" y="490"/>
                  <a:pt x="284" y="497"/>
                  <a:pt x="282" y="502"/>
                </a:cubicBezTo>
                <a:cubicBezTo>
                  <a:pt x="280" y="507"/>
                  <a:pt x="278" y="517"/>
                  <a:pt x="277" y="521"/>
                </a:cubicBezTo>
                <a:cubicBezTo>
                  <a:pt x="276" y="526"/>
                  <a:pt x="275" y="529"/>
                  <a:pt x="274" y="531"/>
                </a:cubicBezTo>
                <a:cubicBezTo>
                  <a:pt x="272" y="533"/>
                  <a:pt x="272" y="535"/>
                  <a:pt x="270" y="537"/>
                </a:cubicBezTo>
                <a:cubicBezTo>
                  <a:pt x="268" y="539"/>
                  <a:pt x="264" y="542"/>
                  <a:pt x="261" y="546"/>
                </a:cubicBezTo>
                <a:cubicBezTo>
                  <a:pt x="259" y="550"/>
                  <a:pt x="256" y="553"/>
                  <a:pt x="254" y="556"/>
                </a:cubicBezTo>
                <a:cubicBezTo>
                  <a:pt x="253" y="559"/>
                  <a:pt x="251" y="562"/>
                  <a:pt x="249" y="565"/>
                </a:cubicBezTo>
                <a:cubicBezTo>
                  <a:pt x="248" y="567"/>
                  <a:pt x="246" y="570"/>
                  <a:pt x="245" y="573"/>
                </a:cubicBezTo>
                <a:cubicBezTo>
                  <a:pt x="243" y="576"/>
                  <a:pt x="243" y="577"/>
                  <a:pt x="243" y="577"/>
                </a:cubicBezTo>
                <a:cubicBezTo>
                  <a:pt x="243" y="577"/>
                  <a:pt x="242" y="577"/>
                  <a:pt x="242" y="577"/>
                </a:cubicBezTo>
                <a:cubicBezTo>
                  <a:pt x="242" y="576"/>
                  <a:pt x="241" y="578"/>
                  <a:pt x="240" y="580"/>
                </a:cubicBezTo>
                <a:cubicBezTo>
                  <a:pt x="239" y="582"/>
                  <a:pt x="239" y="583"/>
                  <a:pt x="238" y="585"/>
                </a:cubicBezTo>
                <a:cubicBezTo>
                  <a:pt x="237" y="586"/>
                  <a:pt x="237" y="587"/>
                  <a:pt x="237" y="587"/>
                </a:cubicBezTo>
                <a:cubicBezTo>
                  <a:pt x="237" y="587"/>
                  <a:pt x="237" y="587"/>
                  <a:pt x="236" y="588"/>
                </a:cubicBezTo>
                <a:cubicBezTo>
                  <a:pt x="235" y="588"/>
                  <a:pt x="233" y="588"/>
                  <a:pt x="231" y="589"/>
                </a:cubicBezTo>
                <a:cubicBezTo>
                  <a:pt x="230" y="589"/>
                  <a:pt x="229" y="590"/>
                  <a:pt x="229" y="590"/>
                </a:cubicBezTo>
                <a:cubicBezTo>
                  <a:pt x="229" y="590"/>
                  <a:pt x="229" y="590"/>
                  <a:pt x="228" y="591"/>
                </a:cubicBezTo>
                <a:cubicBezTo>
                  <a:pt x="227" y="591"/>
                  <a:pt x="225" y="592"/>
                  <a:pt x="222" y="594"/>
                </a:cubicBezTo>
                <a:cubicBezTo>
                  <a:pt x="219" y="597"/>
                  <a:pt x="217" y="600"/>
                  <a:pt x="217" y="600"/>
                </a:cubicBezTo>
                <a:cubicBezTo>
                  <a:pt x="217" y="600"/>
                  <a:pt x="217" y="600"/>
                  <a:pt x="216" y="601"/>
                </a:cubicBezTo>
                <a:cubicBezTo>
                  <a:pt x="216" y="601"/>
                  <a:pt x="215" y="601"/>
                  <a:pt x="214" y="603"/>
                </a:cubicBezTo>
                <a:cubicBezTo>
                  <a:pt x="212" y="604"/>
                  <a:pt x="211" y="604"/>
                  <a:pt x="210" y="606"/>
                </a:cubicBezTo>
                <a:cubicBezTo>
                  <a:pt x="208" y="608"/>
                  <a:pt x="209" y="611"/>
                  <a:pt x="210" y="615"/>
                </a:cubicBezTo>
                <a:cubicBezTo>
                  <a:pt x="211" y="618"/>
                  <a:pt x="213" y="620"/>
                  <a:pt x="217" y="625"/>
                </a:cubicBezTo>
                <a:cubicBezTo>
                  <a:pt x="220" y="629"/>
                  <a:pt x="224" y="633"/>
                  <a:pt x="226" y="635"/>
                </a:cubicBezTo>
                <a:cubicBezTo>
                  <a:pt x="227" y="636"/>
                  <a:pt x="228" y="637"/>
                  <a:pt x="228" y="637"/>
                </a:cubicBezTo>
                <a:cubicBezTo>
                  <a:pt x="228" y="637"/>
                  <a:pt x="229" y="636"/>
                  <a:pt x="229" y="635"/>
                </a:cubicBezTo>
                <a:cubicBezTo>
                  <a:pt x="230" y="634"/>
                  <a:pt x="231" y="634"/>
                  <a:pt x="231" y="634"/>
                </a:cubicBezTo>
                <a:cubicBezTo>
                  <a:pt x="231" y="634"/>
                  <a:pt x="231" y="635"/>
                  <a:pt x="233" y="638"/>
                </a:cubicBezTo>
                <a:cubicBezTo>
                  <a:pt x="236" y="641"/>
                  <a:pt x="238" y="646"/>
                  <a:pt x="238" y="646"/>
                </a:cubicBezTo>
                <a:cubicBezTo>
                  <a:pt x="238" y="646"/>
                  <a:pt x="238" y="646"/>
                  <a:pt x="240" y="649"/>
                </a:cubicBezTo>
                <a:cubicBezTo>
                  <a:pt x="240" y="650"/>
                  <a:pt x="242" y="653"/>
                  <a:pt x="243" y="655"/>
                </a:cubicBezTo>
                <a:cubicBezTo>
                  <a:pt x="245" y="658"/>
                  <a:pt x="247" y="660"/>
                  <a:pt x="248" y="661"/>
                </a:cubicBezTo>
                <a:cubicBezTo>
                  <a:pt x="254" y="667"/>
                  <a:pt x="259" y="670"/>
                  <a:pt x="266" y="674"/>
                </a:cubicBezTo>
                <a:cubicBezTo>
                  <a:pt x="274" y="679"/>
                  <a:pt x="281" y="681"/>
                  <a:pt x="285" y="682"/>
                </a:cubicBezTo>
                <a:cubicBezTo>
                  <a:pt x="289" y="683"/>
                  <a:pt x="291" y="684"/>
                  <a:pt x="293" y="683"/>
                </a:cubicBezTo>
                <a:cubicBezTo>
                  <a:pt x="294" y="683"/>
                  <a:pt x="296" y="682"/>
                  <a:pt x="298" y="681"/>
                </a:cubicBezTo>
                <a:cubicBezTo>
                  <a:pt x="299" y="679"/>
                  <a:pt x="299" y="677"/>
                  <a:pt x="299" y="676"/>
                </a:cubicBezTo>
                <a:cubicBezTo>
                  <a:pt x="299" y="675"/>
                  <a:pt x="299" y="675"/>
                  <a:pt x="299" y="674"/>
                </a:cubicBezTo>
                <a:cubicBezTo>
                  <a:pt x="300" y="673"/>
                  <a:pt x="300" y="673"/>
                  <a:pt x="300" y="671"/>
                </a:cubicBezTo>
                <a:cubicBezTo>
                  <a:pt x="300" y="668"/>
                  <a:pt x="299" y="667"/>
                  <a:pt x="297" y="665"/>
                </a:cubicBezTo>
                <a:cubicBezTo>
                  <a:pt x="296" y="662"/>
                  <a:pt x="293" y="660"/>
                  <a:pt x="292" y="658"/>
                </a:cubicBezTo>
                <a:cubicBezTo>
                  <a:pt x="290" y="656"/>
                  <a:pt x="289" y="655"/>
                  <a:pt x="288" y="653"/>
                </a:cubicBezTo>
                <a:cubicBezTo>
                  <a:pt x="288" y="652"/>
                  <a:pt x="287" y="652"/>
                  <a:pt x="287" y="651"/>
                </a:cubicBezTo>
                <a:cubicBezTo>
                  <a:pt x="286" y="651"/>
                  <a:pt x="286" y="650"/>
                  <a:pt x="285" y="649"/>
                </a:cubicBezTo>
                <a:cubicBezTo>
                  <a:pt x="285" y="649"/>
                  <a:pt x="284" y="648"/>
                  <a:pt x="283" y="648"/>
                </a:cubicBezTo>
                <a:cubicBezTo>
                  <a:pt x="282" y="647"/>
                  <a:pt x="282" y="646"/>
                  <a:pt x="282" y="645"/>
                </a:cubicBezTo>
                <a:cubicBezTo>
                  <a:pt x="282" y="644"/>
                  <a:pt x="281" y="643"/>
                  <a:pt x="281" y="643"/>
                </a:cubicBezTo>
                <a:cubicBezTo>
                  <a:pt x="280" y="643"/>
                  <a:pt x="280" y="641"/>
                  <a:pt x="280" y="641"/>
                </a:cubicBezTo>
                <a:cubicBezTo>
                  <a:pt x="280" y="640"/>
                  <a:pt x="280" y="640"/>
                  <a:pt x="280" y="639"/>
                </a:cubicBezTo>
                <a:cubicBezTo>
                  <a:pt x="279" y="639"/>
                  <a:pt x="279" y="638"/>
                  <a:pt x="279" y="638"/>
                </a:cubicBezTo>
                <a:cubicBezTo>
                  <a:pt x="279" y="638"/>
                  <a:pt x="279" y="637"/>
                  <a:pt x="279" y="637"/>
                </a:cubicBezTo>
                <a:cubicBezTo>
                  <a:pt x="279" y="636"/>
                  <a:pt x="279" y="636"/>
                  <a:pt x="279" y="636"/>
                </a:cubicBezTo>
                <a:cubicBezTo>
                  <a:pt x="278" y="635"/>
                  <a:pt x="278" y="634"/>
                  <a:pt x="278" y="634"/>
                </a:cubicBezTo>
                <a:cubicBezTo>
                  <a:pt x="278" y="633"/>
                  <a:pt x="278" y="633"/>
                  <a:pt x="278" y="632"/>
                </a:cubicBezTo>
                <a:cubicBezTo>
                  <a:pt x="278" y="632"/>
                  <a:pt x="278" y="632"/>
                  <a:pt x="277" y="631"/>
                </a:cubicBezTo>
                <a:cubicBezTo>
                  <a:pt x="277" y="631"/>
                  <a:pt x="277" y="630"/>
                  <a:pt x="277" y="629"/>
                </a:cubicBezTo>
                <a:cubicBezTo>
                  <a:pt x="277" y="628"/>
                  <a:pt x="277" y="628"/>
                  <a:pt x="277" y="628"/>
                </a:cubicBezTo>
                <a:cubicBezTo>
                  <a:pt x="277" y="627"/>
                  <a:pt x="277" y="627"/>
                  <a:pt x="276" y="627"/>
                </a:cubicBezTo>
                <a:cubicBezTo>
                  <a:pt x="276" y="627"/>
                  <a:pt x="276" y="624"/>
                  <a:pt x="275" y="624"/>
                </a:cubicBezTo>
                <a:cubicBezTo>
                  <a:pt x="276" y="623"/>
                  <a:pt x="276" y="623"/>
                  <a:pt x="275" y="623"/>
                </a:cubicBezTo>
                <a:cubicBezTo>
                  <a:pt x="275" y="623"/>
                  <a:pt x="275" y="622"/>
                  <a:pt x="275" y="621"/>
                </a:cubicBezTo>
                <a:cubicBezTo>
                  <a:pt x="274" y="620"/>
                  <a:pt x="274" y="620"/>
                  <a:pt x="274" y="620"/>
                </a:cubicBezTo>
                <a:cubicBezTo>
                  <a:pt x="275" y="617"/>
                  <a:pt x="275" y="617"/>
                  <a:pt x="275" y="617"/>
                </a:cubicBezTo>
                <a:cubicBezTo>
                  <a:pt x="275" y="617"/>
                  <a:pt x="275" y="617"/>
                  <a:pt x="275" y="617"/>
                </a:cubicBezTo>
                <a:cubicBezTo>
                  <a:pt x="275" y="617"/>
                  <a:pt x="276" y="617"/>
                  <a:pt x="276" y="616"/>
                </a:cubicBezTo>
                <a:cubicBezTo>
                  <a:pt x="276" y="615"/>
                  <a:pt x="275" y="614"/>
                  <a:pt x="274" y="614"/>
                </a:cubicBezTo>
                <a:cubicBezTo>
                  <a:pt x="274" y="613"/>
                  <a:pt x="274" y="613"/>
                  <a:pt x="273" y="612"/>
                </a:cubicBezTo>
                <a:cubicBezTo>
                  <a:pt x="273" y="611"/>
                  <a:pt x="272" y="610"/>
                  <a:pt x="272" y="610"/>
                </a:cubicBezTo>
                <a:cubicBezTo>
                  <a:pt x="273" y="607"/>
                  <a:pt x="273" y="607"/>
                  <a:pt x="273" y="607"/>
                </a:cubicBezTo>
                <a:cubicBezTo>
                  <a:pt x="273" y="607"/>
                  <a:pt x="276" y="607"/>
                  <a:pt x="279" y="608"/>
                </a:cubicBezTo>
                <a:cubicBezTo>
                  <a:pt x="280" y="609"/>
                  <a:pt x="282" y="609"/>
                  <a:pt x="283" y="609"/>
                </a:cubicBezTo>
                <a:cubicBezTo>
                  <a:pt x="284" y="609"/>
                  <a:pt x="285" y="609"/>
                  <a:pt x="287" y="609"/>
                </a:cubicBezTo>
                <a:cubicBezTo>
                  <a:pt x="290" y="610"/>
                  <a:pt x="294" y="609"/>
                  <a:pt x="298" y="609"/>
                </a:cubicBezTo>
                <a:cubicBezTo>
                  <a:pt x="301" y="609"/>
                  <a:pt x="304" y="608"/>
                  <a:pt x="307" y="607"/>
                </a:cubicBezTo>
                <a:cubicBezTo>
                  <a:pt x="310" y="607"/>
                  <a:pt x="310" y="607"/>
                  <a:pt x="310" y="606"/>
                </a:cubicBezTo>
                <a:cubicBezTo>
                  <a:pt x="310" y="604"/>
                  <a:pt x="311" y="603"/>
                  <a:pt x="311" y="600"/>
                </a:cubicBezTo>
                <a:cubicBezTo>
                  <a:pt x="311" y="597"/>
                  <a:pt x="311" y="596"/>
                  <a:pt x="311" y="596"/>
                </a:cubicBezTo>
                <a:cubicBezTo>
                  <a:pt x="311" y="595"/>
                  <a:pt x="310" y="595"/>
                  <a:pt x="310" y="595"/>
                </a:cubicBezTo>
                <a:cubicBezTo>
                  <a:pt x="310" y="595"/>
                  <a:pt x="310" y="594"/>
                  <a:pt x="309" y="592"/>
                </a:cubicBezTo>
                <a:cubicBezTo>
                  <a:pt x="309" y="590"/>
                  <a:pt x="309" y="587"/>
                  <a:pt x="309" y="582"/>
                </a:cubicBezTo>
                <a:cubicBezTo>
                  <a:pt x="308" y="577"/>
                  <a:pt x="308" y="573"/>
                  <a:pt x="308" y="570"/>
                </a:cubicBezTo>
                <a:cubicBezTo>
                  <a:pt x="308" y="567"/>
                  <a:pt x="308" y="567"/>
                  <a:pt x="308" y="567"/>
                </a:cubicBezTo>
                <a:cubicBezTo>
                  <a:pt x="308" y="567"/>
                  <a:pt x="309" y="565"/>
                  <a:pt x="311" y="560"/>
                </a:cubicBezTo>
                <a:cubicBezTo>
                  <a:pt x="313" y="556"/>
                  <a:pt x="314" y="554"/>
                  <a:pt x="315" y="551"/>
                </a:cubicBezTo>
                <a:cubicBezTo>
                  <a:pt x="316" y="549"/>
                  <a:pt x="316" y="549"/>
                  <a:pt x="317" y="548"/>
                </a:cubicBezTo>
                <a:cubicBezTo>
                  <a:pt x="318" y="547"/>
                  <a:pt x="317" y="547"/>
                  <a:pt x="321" y="542"/>
                </a:cubicBezTo>
                <a:cubicBezTo>
                  <a:pt x="324" y="537"/>
                  <a:pt x="327" y="535"/>
                  <a:pt x="332" y="529"/>
                </a:cubicBezTo>
                <a:cubicBezTo>
                  <a:pt x="337" y="524"/>
                  <a:pt x="343" y="516"/>
                  <a:pt x="346" y="513"/>
                </a:cubicBezTo>
                <a:cubicBezTo>
                  <a:pt x="349" y="509"/>
                  <a:pt x="356" y="501"/>
                  <a:pt x="360" y="496"/>
                </a:cubicBezTo>
                <a:cubicBezTo>
                  <a:pt x="363" y="493"/>
                  <a:pt x="365" y="490"/>
                  <a:pt x="367" y="488"/>
                </a:cubicBezTo>
                <a:cubicBezTo>
                  <a:pt x="369" y="486"/>
                  <a:pt x="369" y="485"/>
                  <a:pt x="370" y="484"/>
                </a:cubicBezTo>
                <a:cubicBezTo>
                  <a:pt x="372" y="480"/>
                  <a:pt x="372" y="480"/>
                  <a:pt x="373" y="478"/>
                </a:cubicBezTo>
                <a:cubicBezTo>
                  <a:pt x="373" y="477"/>
                  <a:pt x="374" y="477"/>
                  <a:pt x="375" y="473"/>
                </a:cubicBezTo>
                <a:cubicBezTo>
                  <a:pt x="376" y="469"/>
                  <a:pt x="376" y="467"/>
                  <a:pt x="376" y="466"/>
                </a:cubicBezTo>
                <a:cubicBezTo>
                  <a:pt x="376" y="464"/>
                  <a:pt x="377" y="464"/>
                  <a:pt x="377" y="460"/>
                </a:cubicBezTo>
                <a:cubicBezTo>
                  <a:pt x="377" y="457"/>
                  <a:pt x="377" y="454"/>
                  <a:pt x="378" y="449"/>
                </a:cubicBezTo>
                <a:cubicBezTo>
                  <a:pt x="378" y="445"/>
                  <a:pt x="378" y="436"/>
                  <a:pt x="377" y="429"/>
                </a:cubicBezTo>
                <a:cubicBezTo>
                  <a:pt x="377" y="422"/>
                  <a:pt x="377" y="420"/>
                  <a:pt x="377" y="414"/>
                </a:cubicBezTo>
                <a:cubicBezTo>
                  <a:pt x="376" y="408"/>
                  <a:pt x="376" y="405"/>
                  <a:pt x="376" y="400"/>
                </a:cubicBezTo>
                <a:cubicBezTo>
                  <a:pt x="375" y="395"/>
                  <a:pt x="375" y="391"/>
                  <a:pt x="375" y="386"/>
                </a:cubicBezTo>
                <a:cubicBezTo>
                  <a:pt x="375" y="380"/>
                  <a:pt x="374" y="377"/>
                  <a:pt x="374" y="373"/>
                </a:cubicBezTo>
                <a:cubicBezTo>
                  <a:pt x="374" y="369"/>
                  <a:pt x="374" y="367"/>
                  <a:pt x="374" y="364"/>
                </a:cubicBezTo>
                <a:cubicBezTo>
                  <a:pt x="373" y="361"/>
                  <a:pt x="373" y="360"/>
                  <a:pt x="374" y="358"/>
                </a:cubicBezTo>
                <a:cubicBezTo>
                  <a:pt x="374" y="355"/>
                  <a:pt x="375" y="351"/>
                  <a:pt x="375" y="346"/>
                </a:cubicBezTo>
                <a:cubicBezTo>
                  <a:pt x="376" y="340"/>
                  <a:pt x="376" y="338"/>
                  <a:pt x="376" y="338"/>
                </a:cubicBezTo>
                <a:cubicBezTo>
                  <a:pt x="376" y="338"/>
                  <a:pt x="379" y="338"/>
                  <a:pt x="382" y="337"/>
                </a:cubicBezTo>
                <a:cubicBezTo>
                  <a:pt x="385" y="337"/>
                  <a:pt x="386" y="337"/>
                  <a:pt x="387" y="337"/>
                </a:cubicBezTo>
                <a:cubicBezTo>
                  <a:pt x="389" y="337"/>
                  <a:pt x="395" y="336"/>
                  <a:pt x="400" y="335"/>
                </a:cubicBezTo>
                <a:cubicBezTo>
                  <a:pt x="405" y="334"/>
                  <a:pt x="407" y="333"/>
                  <a:pt x="409" y="332"/>
                </a:cubicBezTo>
                <a:cubicBezTo>
                  <a:pt x="410" y="331"/>
                  <a:pt x="411" y="332"/>
                  <a:pt x="415" y="330"/>
                </a:cubicBezTo>
                <a:cubicBezTo>
                  <a:pt x="418" y="329"/>
                  <a:pt x="421" y="328"/>
                  <a:pt x="424" y="326"/>
                </a:cubicBezTo>
                <a:cubicBezTo>
                  <a:pt x="428" y="325"/>
                  <a:pt x="429" y="325"/>
                  <a:pt x="435" y="323"/>
                </a:cubicBezTo>
                <a:cubicBezTo>
                  <a:pt x="440" y="322"/>
                  <a:pt x="446" y="320"/>
                  <a:pt x="446" y="320"/>
                </a:cubicBezTo>
                <a:cubicBezTo>
                  <a:pt x="446" y="320"/>
                  <a:pt x="447" y="321"/>
                  <a:pt x="448" y="321"/>
                </a:cubicBezTo>
                <a:cubicBezTo>
                  <a:pt x="449" y="321"/>
                  <a:pt x="450" y="321"/>
                  <a:pt x="453" y="321"/>
                </a:cubicBezTo>
                <a:cubicBezTo>
                  <a:pt x="456" y="322"/>
                  <a:pt x="458" y="322"/>
                  <a:pt x="460" y="322"/>
                </a:cubicBezTo>
                <a:cubicBezTo>
                  <a:pt x="462" y="322"/>
                  <a:pt x="464" y="323"/>
                  <a:pt x="464" y="323"/>
                </a:cubicBezTo>
                <a:cubicBezTo>
                  <a:pt x="464" y="323"/>
                  <a:pt x="465" y="323"/>
                  <a:pt x="465" y="324"/>
                </a:cubicBezTo>
                <a:cubicBezTo>
                  <a:pt x="465" y="325"/>
                  <a:pt x="466" y="327"/>
                  <a:pt x="466" y="329"/>
                </a:cubicBezTo>
                <a:cubicBezTo>
                  <a:pt x="467" y="330"/>
                  <a:pt x="468" y="330"/>
                  <a:pt x="470" y="331"/>
                </a:cubicBezTo>
                <a:cubicBezTo>
                  <a:pt x="473" y="331"/>
                  <a:pt x="476" y="332"/>
                  <a:pt x="476" y="332"/>
                </a:cubicBezTo>
                <a:cubicBezTo>
                  <a:pt x="476" y="332"/>
                  <a:pt x="476" y="333"/>
                  <a:pt x="479" y="336"/>
                </a:cubicBezTo>
                <a:cubicBezTo>
                  <a:pt x="481" y="339"/>
                  <a:pt x="484" y="341"/>
                  <a:pt x="490" y="346"/>
                </a:cubicBezTo>
                <a:cubicBezTo>
                  <a:pt x="492" y="348"/>
                  <a:pt x="494" y="350"/>
                  <a:pt x="495" y="351"/>
                </a:cubicBezTo>
                <a:cubicBezTo>
                  <a:pt x="497" y="353"/>
                  <a:pt x="499" y="354"/>
                  <a:pt x="499" y="354"/>
                </a:cubicBezTo>
                <a:cubicBezTo>
                  <a:pt x="499" y="354"/>
                  <a:pt x="498" y="355"/>
                  <a:pt x="498" y="358"/>
                </a:cubicBezTo>
                <a:cubicBezTo>
                  <a:pt x="498" y="361"/>
                  <a:pt x="498" y="362"/>
                  <a:pt x="498" y="362"/>
                </a:cubicBezTo>
                <a:cubicBezTo>
                  <a:pt x="498" y="363"/>
                  <a:pt x="497" y="363"/>
                  <a:pt x="497" y="364"/>
                </a:cubicBezTo>
                <a:cubicBezTo>
                  <a:pt x="497" y="365"/>
                  <a:pt x="498" y="366"/>
                  <a:pt x="500" y="367"/>
                </a:cubicBezTo>
                <a:cubicBezTo>
                  <a:pt x="502" y="368"/>
                  <a:pt x="503" y="369"/>
                  <a:pt x="504" y="370"/>
                </a:cubicBezTo>
                <a:cubicBezTo>
                  <a:pt x="506" y="371"/>
                  <a:pt x="508" y="373"/>
                  <a:pt x="509" y="374"/>
                </a:cubicBezTo>
                <a:cubicBezTo>
                  <a:pt x="511" y="376"/>
                  <a:pt x="513" y="377"/>
                  <a:pt x="514" y="378"/>
                </a:cubicBezTo>
                <a:cubicBezTo>
                  <a:pt x="515" y="380"/>
                  <a:pt x="515" y="379"/>
                  <a:pt x="517" y="381"/>
                </a:cubicBezTo>
                <a:cubicBezTo>
                  <a:pt x="519" y="382"/>
                  <a:pt x="524" y="386"/>
                  <a:pt x="526" y="388"/>
                </a:cubicBezTo>
                <a:cubicBezTo>
                  <a:pt x="529" y="389"/>
                  <a:pt x="531" y="390"/>
                  <a:pt x="531" y="390"/>
                </a:cubicBezTo>
                <a:cubicBezTo>
                  <a:pt x="531" y="390"/>
                  <a:pt x="531" y="391"/>
                  <a:pt x="531" y="392"/>
                </a:cubicBezTo>
                <a:cubicBezTo>
                  <a:pt x="531" y="394"/>
                  <a:pt x="532" y="395"/>
                  <a:pt x="533" y="396"/>
                </a:cubicBezTo>
                <a:cubicBezTo>
                  <a:pt x="533" y="396"/>
                  <a:pt x="533" y="397"/>
                  <a:pt x="534" y="398"/>
                </a:cubicBezTo>
                <a:cubicBezTo>
                  <a:pt x="536" y="399"/>
                  <a:pt x="538" y="401"/>
                  <a:pt x="541" y="403"/>
                </a:cubicBezTo>
                <a:cubicBezTo>
                  <a:pt x="543" y="404"/>
                  <a:pt x="543" y="404"/>
                  <a:pt x="544" y="404"/>
                </a:cubicBezTo>
                <a:cubicBezTo>
                  <a:pt x="545" y="404"/>
                  <a:pt x="546" y="405"/>
                  <a:pt x="548" y="405"/>
                </a:cubicBezTo>
                <a:cubicBezTo>
                  <a:pt x="549" y="405"/>
                  <a:pt x="551" y="405"/>
                  <a:pt x="551" y="405"/>
                </a:cubicBezTo>
                <a:cubicBezTo>
                  <a:pt x="551" y="405"/>
                  <a:pt x="552" y="407"/>
                  <a:pt x="554" y="409"/>
                </a:cubicBezTo>
                <a:cubicBezTo>
                  <a:pt x="555" y="410"/>
                  <a:pt x="557" y="413"/>
                  <a:pt x="558" y="414"/>
                </a:cubicBezTo>
                <a:cubicBezTo>
                  <a:pt x="559" y="416"/>
                  <a:pt x="559" y="416"/>
                  <a:pt x="560" y="417"/>
                </a:cubicBezTo>
                <a:cubicBezTo>
                  <a:pt x="561" y="417"/>
                  <a:pt x="561" y="419"/>
                  <a:pt x="562" y="420"/>
                </a:cubicBezTo>
                <a:cubicBezTo>
                  <a:pt x="563" y="421"/>
                  <a:pt x="562" y="421"/>
                  <a:pt x="563" y="422"/>
                </a:cubicBezTo>
                <a:cubicBezTo>
                  <a:pt x="564" y="422"/>
                  <a:pt x="564" y="423"/>
                  <a:pt x="564" y="424"/>
                </a:cubicBezTo>
                <a:cubicBezTo>
                  <a:pt x="565" y="424"/>
                  <a:pt x="565" y="425"/>
                  <a:pt x="565" y="425"/>
                </a:cubicBezTo>
                <a:cubicBezTo>
                  <a:pt x="565" y="426"/>
                  <a:pt x="566" y="426"/>
                  <a:pt x="566" y="427"/>
                </a:cubicBezTo>
                <a:cubicBezTo>
                  <a:pt x="566" y="428"/>
                  <a:pt x="567" y="428"/>
                  <a:pt x="567" y="429"/>
                </a:cubicBezTo>
                <a:cubicBezTo>
                  <a:pt x="567" y="429"/>
                  <a:pt x="568" y="430"/>
                  <a:pt x="568" y="431"/>
                </a:cubicBezTo>
                <a:cubicBezTo>
                  <a:pt x="569" y="432"/>
                  <a:pt x="569" y="433"/>
                  <a:pt x="570" y="435"/>
                </a:cubicBezTo>
                <a:cubicBezTo>
                  <a:pt x="571" y="437"/>
                  <a:pt x="571" y="438"/>
                  <a:pt x="571" y="438"/>
                </a:cubicBezTo>
                <a:cubicBezTo>
                  <a:pt x="571" y="438"/>
                  <a:pt x="571" y="438"/>
                  <a:pt x="570" y="438"/>
                </a:cubicBezTo>
                <a:cubicBezTo>
                  <a:pt x="570" y="439"/>
                  <a:pt x="571" y="440"/>
                  <a:pt x="571" y="440"/>
                </a:cubicBezTo>
                <a:cubicBezTo>
                  <a:pt x="571" y="440"/>
                  <a:pt x="571" y="440"/>
                  <a:pt x="571" y="441"/>
                </a:cubicBezTo>
                <a:cubicBezTo>
                  <a:pt x="571" y="442"/>
                  <a:pt x="571" y="443"/>
                  <a:pt x="572" y="446"/>
                </a:cubicBezTo>
                <a:cubicBezTo>
                  <a:pt x="573" y="448"/>
                  <a:pt x="576" y="452"/>
                  <a:pt x="578" y="455"/>
                </a:cubicBezTo>
                <a:cubicBezTo>
                  <a:pt x="581" y="458"/>
                  <a:pt x="583" y="459"/>
                  <a:pt x="583" y="459"/>
                </a:cubicBezTo>
                <a:cubicBezTo>
                  <a:pt x="583" y="459"/>
                  <a:pt x="582" y="459"/>
                  <a:pt x="582" y="460"/>
                </a:cubicBezTo>
                <a:cubicBezTo>
                  <a:pt x="582" y="461"/>
                  <a:pt x="582" y="461"/>
                  <a:pt x="583" y="462"/>
                </a:cubicBezTo>
                <a:cubicBezTo>
                  <a:pt x="584" y="464"/>
                  <a:pt x="585" y="465"/>
                  <a:pt x="586" y="466"/>
                </a:cubicBezTo>
                <a:cubicBezTo>
                  <a:pt x="587" y="468"/>
                  <a:pt x="588" y="468"/>
                  <a:pt x="590" y="468"/>
                </a:cubicBezTo>
                <a:cubicBezTo>
                  <a:pt x="591" y="468"/>
                  <a:pt x="592" y="467"/>
                  <a:pt x="593" y="466"/>
                </a:cubicBezTo>
                <a:cubicBezTo>
                  <a:pt x="595" y="466"/>
                  <a:pt x="596" y="465"/>
                  <a:pt x="598" y="463"/>
                </a:cubicBezTo>
                <a:cubicBezTo>
                  <a:pt x="602" y="461"/>
                  <a:pt x="609" y="456"/>
                  <a:pt x="611" y="455"/>
                </a:cubicBezTo>
                <a:cubicBezTo>
                  <a:pt x="613" y="453"/>
                  <a:pt x="613" y="453"/>
                  <a:pt x="613" y="452"/>
                </a:cubicBezTo>
                <a:cubicBezTo>
                  <a:pt x="613" y="451"/>
                  <a:pt x="614" y="449"/>
                  <a:pt x="614" y="449"/>
                </a:cubicBezTo>
                <a:cubicBezTo>
                  <a:pt x="614" y="448"/>
                  <a:pt x="617" y="447"/>
                  <a:pt x="620" y="446"/>
                </a:cubicBezTo>
                <a:cubicBezTo>
                  <a:pt x="622" y="445"/>
                  <a:pt x="623" y="444"/>
                  <a:pt x="624" y="444"/>
                </a:cubicBezTo>
                <a:cubicBezTo>
                  <a:pt x="625" y="444"/>
                  <a:pt x="625" y="444"/>
                  <a:pt x="630" y="441"/>
                </a:cubicBezTo>
                <a:cubicBezTo>
                  <a:pt x="635" y="439"/>
                  <a:pt x="639" y="435"/>
                  <a:pt x="645" y="430"/>
                </a:cubicBezTo>
                <a:cubicBezTo>
                  <a:pt x="652" y="424"/>
                  <a:pt x="656" y="419"/>
                  <a:pt x="662" y="411"/>
                </a:cubicBezTo>
                <a:cubicBezTo>
                  <a:pt x="668" y="404"/>
                  <a:pt x="671" y="398"/>
                  <a:pt x="672" y="396"/>
                </a:cubicBezTo>
                <a:cubicBezTo>
                  <a:pt x="672" y="395"/>
                  <a:pt x="671" y="394"/>
                  <a:pt x="670" y="394"/>
                </a:cubicBezTo>
                <a:cubicBezTo>
                  <a:pt x="670" y="393"/>
                  <a:pt x="668" y="394"/>
                  <a:pt x="668" y="394"/>
                </a:cubicBezTo>
                <a:cubicBezTo>
                  <a:pt x="668" y="394"/>
                  <a:pt x="668" y="394"/>
                  <a:pt x="668" y="393"/>
                </a:cubicBezTo>
                <a:cubicBezTo>
                  <a:pt x="667" y="392"/>
                  <a:pt x="666" y="391"/>
                  <a:pt x="663" y="392"/>
                </a:cubicBezTo>
                <a:cubicBezTo>
                  <a:pt x="661" y="392"/>
                  <a:pt x="659" y="393"/>
                  <a:pt x="656" y="395"/>
                </a:cubicBezTo>
                <a:cubicBezTo>
                  <a:pt x="653" y="397"/>
                  <a:pt x="652" y="398"/>
                  <a:pt x="650" y="399"/>
                </a:cubicBezTo>
                <a:cubicBezTo>
                  <a:pt x="649" y="399"/>
                  <a:pt x="647" y="400"/>
                  <a:pt x="646" y="401"/>
                </a:cubicBezTo>
                <a:cubicBezTo>
                  <a:pt x="645" y="401"/>
                  <a:pt x="645" y="401"/>
                  <a:pt x="643" y="403"/>
                </a:cubicBezTo>
                <a:cubicBezTo>
                  <a:pt x="642" y="404"/>
                  <a:pt x="641" y="404"/>
                  <a:pt x="640" y="404"/>
                </a:cubicBezTo>
                <a:cubicBezTo>
                  <a:pt x="639" y="404"/>
                  <a:pt x="636" y="405"/>
                  <a:pt x="634" y="405"/>
                </a:cubicBezTo>
                <a:cubicBezTo>
                  <a:pt x="632" y="406"/>
                  <a:pt x="631" y="406"/>
                  <a:pt x="630" y="406"/>
                </a:cubicBezTo>
                <a:cubicBezTo>
                  <a:pt x="629" y="406"/>
                  <a:pt x="629" y="406"/>
                  <a:pt x="627" y="406"/>
                </a:cubicBezTo>
                <a:cubicBezTo>
                  <a:pt x="626" y="406"/>
                  <a:pt x="625" y="406"/>
                  <a:pt x="624" y="406"/>
                </a:cubicBezTo>
                <a:cubicBezTo>
                  <a:pt x="623" y="406"/>
                  <a:pt x="622" y="406"/>
                  <a:pt x="622" y="405"/>
                </a:cubicBezTo>
                <a:cubicBezTo>
                  <a:pt x="621" y="405"/>
                  <a:pt x="620" y="405"/>
                  <a:pt x="620" y="406"/>
                </a:cubicBezTo>
                <a:cubicBezTo>
                  <a:pt x="619" y="406"/>
                  <a:pt x="618" y="406"/>
                  <a:pt x="618" y="405"/>
                </a:cubicBezTo>
                <a:cubicBezTo>
                  <a:pt x="617" y="405"/>
                  <a:pt x="617" y="405"/>
                  <a:pt x="616" y="405"/>
                </a:cubicBezTo>
                <a:cubicBezTo>
                  <a:pt x="615" y="406"/>
                  <a:pt x="614" y="405"/>
                  <a:pt x="612" y="404"/>
                </a:cubicBezTo>
                <a:cubicBezTo>
                  <a:pt x="609" y="404"/>
                  <a:pt x="608" y="404"/>
                  <a:pt x="606" y="404"/>
                </a:cubicBezTo>
                <a:cubicBezTo>
                  <a:pt x="606" y="404"/>
                  <a:pt x="605" y="404"/>
                  <a:pt x="604" y="405"/>
                </a:cubicBezTo>
                <a:cubicBezTo>
                  <a:pt x="604" y="405"/>
                  <a:pt x="604" y="405"/>
                  <a:pt x="603" y="405"/>
                </a:cubicBezTo>
                <a:cubicBezTo>
                  <a:pt x="603" y="404"/>
                  <a:pt x="602" y="404"/>
                  <a:pt x="601" y="405"/>
                </a:cubicBezTo>
                <a:cubicBezTo>
                  <a:pt x="600" y="405"/>
                  <a:pt x="601" y="405"/>
                  <a:pt x="601" y="405"/>
                </a:cubicBezTo>
                <a:cubicBezTo>
                  <a:pt x="601" y="405"/>
                  <a:pt x="601" y="405"/>
                  <a:pt x="600" y="406"/>
                </a:cubicBezTo>
                <a:cubicBezTo>
                  <a:pt x="599" y="406"/>
                  <a:pt x="599" y="406"/>
                  <a:pt x="599" y="406"/>
                </a:cubicBezTo>
                <a:cubicBezTo>
                  <a:pt x="598" y="405"/>
                  <a:pt x="598" y="405"/>
                  <a:pt x="598" y="405"/>
                </a:cubicBezTo>
                <a:cubicBezTo>
                  <a:pt x="597" y="405"/>
                  <a:pt x="597" y="405"/>
                  <a:pt x="597" y="405"/>
                </a:cubicBezTo>
                <a:cubicBezTo>
                  <a:pt x="596" y="405"/>
                  <a:pt x="596" y="404"/>
                  <a:pt x="594" y="404"/>
                </a:cubicBezTo>
                <a:cubicBezTo>
                  <a:pt x="593" y="403"/>
                  <a:pt x="592" y="403"/>
                  <a:pt x="592" y="403"/>
                </a:cubicBezTo>
                <a:cubicBezTo>
                  <a:pt x="592" y="402"/>
                  <a:pt x="592" y="402"/>
                  <a:pt x="591" y="402"/>
                </a:cubicBezTo>
                <a:cubicBezTo>
                  <a:pt x="590" y="402"/>
                  <a:pt x="589" y="401"/>
                  <a:pt x="588" y="401"/>
                </a:cubicBezTo>
                <a:cubicBezTo>
                  <a:pt x="587" y="400"/>
                  <a:pt x="587" y="400"/>
                  <a:pt x="586" y="399"/>
                </a:cubicBezTo>
                <a:cubicBezTo>
                  <a:pt x="585" y="399"/>
                  <a:pt x="586" y="399"/>
                  <a:pt x="584" y="398"/>
                </a:cubicBezTo>
                <a:cubicBezTo>
                  <a:pt x="583" y="398"/>
                  <a:pt x="583" y="397"/>
                  <a:pt x="583" y="397"/>
                </a:cubicBezTo>
                <a:cubicBezTo>
                  <a:pt x="582" y="397"/>
                  <a:pt x="582" y="397"/>
                  <a:pt x="582" y="396"/>
                </a:cubicBezTo>
                <a:cubicBezTo>
                  <a:pt x="582" y="395"/>
                  <a:pt x="581" y="396"/>
                  <a:pt x="580" y="395"/>
                </a:cubicBezTo>
                <a:cubicBezTo>
                  <a:pt x="579" y="395"/>
                  <a:pt x="579" y="394"/>
                  <a:pt x="578" y="394"/>
                </a:cubicBezTo>
                <a:cubicBezTo>
                  <a:pt x="577" y="393"/>
                  <a:pt x="577" y="392"/>
                  <a:pt x="576" y="392"/>
                </a:cubicBezTo>
                <a:cubicBezTo>
                  <a:pt x="576" y="392"/>
                  <a:pt x="575" y="391"/>
                  <a:pt x="575" y="391"/>
                </a:cubicBezTo>
                <a:cubicBezTo>
                  <a:pt x="575" y="391"/>
                  <a:pt x="575" y="390"/>
                  <a:pt x="574" y="390"/>
                </a:cubicBezTo>
                <a:cubicBezTo>
                  <a:pt x="573" y="390"/>
                  <a:pt x="572" y="388"/>
                  <a:pt x="571" y="387"/>
                </a:cubicBezTo>
                <a:cubicBezTo>
                  <a:pt x="569" y="386"/>
                  <a:pt x="569" y="385"/>
                  <a:pt x="569" y="385"/>
                </a:cubicBezTo>
                <a:cubicBezTo>
                  <a:pt x="569" y="385"/>
                  <a:pt x="569" y="384"/>
                  <a:pt x="568" y="383"/>
                </a:cubicBezTo>
                <a:cubicBezTo>
                  <a:pt x="567" y="383"/>
                  <a:pt x="566" y="381"/>
                  <a:pt x="565" y="379"/>
                </a:cubicBezTo>
                <a:cubicBezTo>
                  <a:pt x="564" y="378"/>
                  <a:pt x="563" y="378"/>
                  <a:pt x="562" y="377"/>
                </a:cubicBezTo>
                <a:cubicBezTo>
                  <a:pt x="561" y="375"/>
                  <a:pt x="560" y="373"/>
                  <a:pt x="560" y="373"/>
                </a:cubicBezTo>
                <a:cubicBezTo>
                  <a:pt x="559" y="373"/>
                  <a:pt x="559" y="373"/>
                  <a:pt x="559" y="372"/>
                </a:cubicBezTo>
                <a:cubicBezTo>
                  <a:pt x="558" y="371"/>
                  <a:pt x="555" y="369"/>
                  <a:pt x="555" y="368"/>
                </a:cubicBezTo>
                <a:cubicBezTo>
                  <a:pt x="554" y="366"/>
                  <a:pt x="553" y="365"/>
                  <a:pt x="552" y="364"/>
                </a:cubicBezTo>
                <a:cubicBezTo>
                  <a:pt x="552" y="363"/>
                  <a:pt x="551" y="362"/>
                  <a:pt x="550" y="360"/>
                </a:cubicBezTo>
                <a:cubicBezTo>
                  <a:pt x="548" y="357"/>
                  <a:pt x="548" y="356"/>
                  <a:pt x="547" y="356"/>
                </a:cubicBezTo>
                <a:cubicBezTo>
                  <a:pt x="546" y="355"/>
                  <a:pt x="544" y="351"/>
                  <a:pt x="542" y="348"/>
                </a:cubicBezTo>
                <a:cubicBezTo>
                  <a:pt x="541" y="345"/>
                  <a:pt x="538" y="342"/>
                  <a:pt x="537" y="339"/>
                </a:cubicBezTo>
                <a:cubicBezTo>
                  <a:pt x="536" y="338"/>
                  <a:pt x="535" y="336"/>
                  <a:pt x="534" y="334"/>
                </a:cubicBezTo>
                <a:cubicBezTo>
                  <a:pt x="533" y="332"/>
                  <a:pt x="532" y="330"/>
                  <a:pt x="531" y="330"/>
                </a:cubicBezTo>
                <a:cubicBezTo>
                  <a:pt x="531" y="329"/>
                  <a:pt x="531" y="328"/>
                  <a:pt x="527" y="321"/>
                </a:cubicBezTo>
                <a:cubicBezTo>
                  <a:pt x="526" y="320"/>
                  <a:pt x="526" y="318"/>
                  <a:pt x="525" y="317"/>
                </a:cubicBezTo>
                <a:cubicBezTo>
                  <a:pt x="524" y="316"/>
                  <a:pt x="524" y="315"/>
                  <a:pt x="523" y="314"/>
                </a:cubicBezTo>
                <a:cubicBezTo>
                  <a:pt x="522" y="311"/>
                  <a:pt x="520" y="309"/>
                  <a:pt x="519" y="307"/>
                </a:cubicBezTo>
                <a:cubicBezTo>
                  <a:pt x="518" y="304"/>
                  <a:pt x="516" y="301"/>
                  <a:pt x="515" y="299"/>
                </a:cubicBezTo>
                <a:cubicBezTo>
                  <a:pt x="513" y="296"/>
                  <a:pt x="513" y="295"/>
                  <a:pt x="513" y="295"/>
                </a:cubicBezTo>
                <a:cubicBezTo>
                  <a:pt x="513" y="295"/>
                  <a:pt x="513" y="294"/>
                  <a:pt x="512" y="291"/>
                </a:cubicBezTo>
                <a:cubicBezTo>
                  <a:pt x="512" y="288"/>
                  <a:pt x="510" y="286"/>
                  <a:pt x="508" y="283"/>
                </a:cubicBezTo>
                <a:cubicBezTo>
                  <a:pt x="507" y="280"/>
                  <a:pt x="504" y="279"/>
                  <a:pt x="504" y="279"/>
                </a:cubicBezTo>
                <a:cubicBezTo>
                  <a:pt x="504" y="279"/>
                  <a:pt x="503" y="277"/>
                  <a:pt x="501" y="275"/>
                </a:cubicBezTo>
                <a:cubicBezTo>
                  <a:pt x="500" y="273"/>
                  <a:pt x="499" y="273"/>
                  <a:pt x="498" y="273"/>
                </a:cubicBezTo>
                <a:cubicBezTo>
                  <a:pt x="497" y="272"/>
                  <a:pt x="497" y="272"/>
                  <a:pt x="496" y="272"/>
                </a:cubicBezTo>
                <a:cubicBezTo>
                  <a:pt x="495" y="272"/>
                  <a:pt x="494" y="272"/>
                  <a:pt x="493" y="271"/>
                </a:cubicBezTo>
                <a:cubicBezTo>
                  <a:pt x="491" y="270"/>
                  <a:pt x="487" y="270"/>
                  <a:pt x="486" y="270"/>
                </a:cubicBezTo>
                <a:cubicBezTo>
                  <a:pt x="484" y="270"/>
                  <a:pt x="483" y="269"/>
                  <a:pt x="482" y="268"/>
                </a:cubicBezTo>
                <a:cubicBezTo>
                  <a:pt x="480" y="268"/>
                  <a:pt x="478" y="268"/>
                  <a:pt x="477" y="267"/>
                </a:cubicBezTo>
                <a:cubicBezTo>
                  <a:pt x="475" y="267"/>
                  <a:pt x="474" y="267"/>
                  <a:pt x="471" y="267"/>
                </a:cubicBezTo>
                <a:cubicBezTo>
                  <a:pt x="468" y="267"/>
                  <a:pt x="465" y="266"/>
                  <a:pt x="462" y="266"/>
                </a:cubicBezTo>
                <a:cubicBezTo>
                  <a:pt x="460" y="266"/>
                  <a:pt x="458" y="266"/>
                  <a:pt x="456" y="266"/>
                </a:cubicBezTo>
                <a:cubicBezTo>
                  <a:pt x="453" y="265"/>
                  <a:pt x="452" y="266"/>
                  <a:pt x="449" y="266"/>
                </a:cubicBezTo>
                <a:cubicBezTo>
                  <a:pt x="447" y="266"/>
                  <a:pt x="446" y="266"/>
                  <a:pt x="444" y="266"/>
                </a:cubicBezTo>
                <a:cubicBezTo>
                  <a:pt x="441" y="266"/>
                  <a:pt x="438" y="266"/>
                  <a:pt x="435" y="266"/>
                </a:cubicBezTo>
                <a:cubicBezTo>
                  <a:pt x="431" y="266"/>
                  <a:pt x="424" y="266"/>
                  <a:pt x="424" y="266"/>
                </a:cubicBezTo>
                <a:cubicBezTo>
                  <a:pt x="424" y="266"/>
                  <a:pt x="424" y="266"/>
                  <a:pt x="423" y="266"/>
                </a:cubicBezTo>
                <a:cubicBezTo>
                  <a:pt x="422" y="265"/>
                  <a:pt x="422" y="265"/>
                  <a:pt x="420" y="265"/>
                </a:cubicBezTo>
                <a:cubicBezTo>
                  <a:pt x="418" y="265"/>
                  <a:pt x="415" y="265"/>
                  <a:pt x="410" y="264"/>
                </a:cubicBezTo>
                <a:cubicBezTo>
                  <a:pt x="405" y="264"/>
                  <a:pt x="400" y="263"/>
                  <a:pt x="395" y="262"/>
                </a:cubicBezTo>
                <a:cubicBezTo>
                  <a:pt x="393" y="262"/>
                  <a:pt x="391" y="261"/>
                  <a:pt x="389" y="261"/>
                </a:cubicBezTo>
                <a:cubicBezTo>
                  <a:pt x="388" y="261"/>
                  <a:pt x="386" y="261"/>
                  <a:pt x="385" y="260"/>
                </a:cubicBezTo>
                <a:cubicBezTo>
                  <a:pt x="383" y="260"/>
                  <a:pt x="381" y="260"/>
                  <a:pt x="381" y="260"/>
                </a:cubicBezTo>
                <a:cubicBezTo>
                  <a:pt x="381" y="260"/>
                  <a:pt x="381" y="259"/>
                  <a:pt x="382" y="257"/>
                </a:cubicBezTo>
                <a:cubicBezTo>
                  <a:pt x="382" y="255"/>
                  <a:pt x="382" y="253"/>
                  <a:pt x="383" y="251"/>
                </a:cubicBezTo>
                <a:cubicBezTo>
                  <a:pt x="383" y="248"/>
                  <a:pt x="383" y="247"/>
                  <a:pt x="381" y="244"/>
                </a:cubicBezTo>
                <a:cubicBezTo>
                  <a:pt x="379" y="240"/>
                  <a:pt x="377" y="237"/>
                  <a:pt x="377" y="237"/>
                </a:cubicBezTo>
                <a:cubicBezTo>
                  <a:pt x="377" y="237"/>
                  <a:pt x="378" y="237"/>
                  <a:pt x="379" y="236"/>
                </a:cubicBezTo>
                <a:cubicBezTo>
                  <a:pt x="380" y="235"/>
                  <a:pt x="382" y="233"/>
                  <a:pt x="386" y="231"/>
                </a:cubicBezTo>
                <a:cubicBezTo>
                  <a:pt x="390" y="228"/>
                  <a:pt x="394" y="226"/>
                  <a:pt x="397" y="225"/>
                </a:cubicBezTo>
                <a:cubicBezTo>
                  <a:pt x="400" y="223"/>
                  <a:pt x="403" y="222"/>
                  <a:pt x="406" y="221"/>
                </a:cubicBezTo>
                <a:cubicBezTo>
                  <a:pt x="409" y="220"/>
                  <a:pt x="410" y="220"/>
                  <a:pt x="415" y="218"/>
                </a:cubicBezTo>
                <a:cubicBezTo>
                  <a:pt x="419" y="215"/>
                  <a:pt x="422" y="214"/>
                  <a:pt x="426" y="213"/>
                </a:cubicBezTo>
                <a:cubicBezTo>
                  <a:pt x="429" y="211"/>
                  <a:pt x="433" y="210"/>
                  <a:pt x="435" y="209"/>
                </a:cubicBezTo>
                <a:cubicBezTo>
                  <a:pt x="438" y="208"/>
                  <a:pt x="441" y="207"/>
                  <a:pt x="442" y="206"/>
                </a:cubicBezTo>
                <a:cubicBezTo>
                  <a:pt x="443" y="206"/>
                  <a:pt x="444" y="206"/>
                  <a:pt x="443" y="206"/>
                </a:cubicBezTo>
                <a:cubicBezTo>
                  <a:pt x="443" y="205"/>
                  <a:pt x="443" y="205"/>
                  <a:pt x="443" y="203"/>
                </a:cubicBezTo>
                <a:cubicBezTo>
                  <a:pt x="442" y="201"/>
                  <a:pt x="442" y="199"/>
                  <a:pt x="441" y="197"/>
                </a:cubicBezTo>
                <a:cubicBezTo>
                  <a:pt x="441" y="194"/>
                  <a:pt x="440" y="192"/>
                  <a:pt x="440" y="192"/>
                </a:cubicBezTo>
                <a:cubicBezTo>
                  <a:pt x="440" y="192"/>
                  <a:pt x="441" y="191"/>
                  <a:pt x="441" y="191"/>
                </a:cubicBezTo>
                <a:cubicBezTo>
                  <a:pt x="441" y="191"/>
                  <a:pt x="442" y="190"/>
                  <a:pt x="442" y="190"/>
                </a:cubicBezTo>
                <a:cubicBezTo>
                  <a:pt x="443" y="189"/>
                  <a:pt x="443" y="188"/>
                  <a:pt x="443" y="187"/>
                </a:cubicBezTo>
                <a:cubicBezTo>
                  <a:pt x="443" y="187"/>
                  <a:pt x="443" y="187"/>
                  <a:pt x="443" y="185"/>
                </a:cubicBezTo>
                <a:cubicBezTo>
                  <a:pt x="443" y="183"/>
                  <a:pt x="443" y="180"/>
                  <a:pt x="443" y="180"/>
                </a:cubicBezTo>
                <a:cubicBezTo>
                  <a:pt x="443" y="180"/>
                  <a:pt x="447" y="178"/>
                  <a:pt x="450" y="176"/>
                </a:cubicBezTo>
                <a:cubicBezTo>
                  <a:pt x="454" y="173"/>
                  <a:pt x="455" y="172"/>
                  <a:pt x="458" y="170"/>
                </a:cubicBezTo>
                <a:cubicBezTo>
                  <a:pt x="461" y="167"/>
                  <a:pt x="462" y="165"/>
                  <a:pt x="464" y="163"/>
                </a:cubicBezTo>
                <a:cubicBezTo>
                  <a:pt x="465" y="161"/>
                  <a:pt x="467" y="159"/>
                  <a:pt x="468" y="157"/>
                </a:cubicBezTo>
                <a:cubicBezTo>
                  <a:pt x="469" y="155"/>
                  <a:pt x="470" y="154"/>
                  <a:pt x="471" y="153"/>
                </a:cubicBezTo>
                <a:cubicBezTo>
                  <a:pt x="472" y="152"/>
                  <a:pt x="473" y="151"/>
                  <a:pt x="474" y="149"/>
                </a:cubicBezTo>
                <a:cubicBezTo>
                  <a:pt x="475" y="148"/>
                  <a:pt x="476" y="148"/>
                  <a:pt x="477" y="146"/>
                </a:cubicBezTo>
                <a:cubicBezTo>
                  <a:pt x="478" y="145"/>
                  <a:pt x="479" y="145"/>
                  <a:pt x="479" y="144"/>
                </a:cubicBezTo>
                <a:cubicBezTo>
                  <a:pt x="480" y="143"/>
                  <a:pt x="480" y="143"/>
                  <a:pt x="481" y="142"/>
                </a:cubicBezTo>
                <a:cubicBezTo>
                  <a:pt x="482" y="141"/>
                  <a:pt x="483" y="140"/>
                  <a:pt x="483" y="138"/>
                </a:cubicBezTo>
                <a:cubicBezTo>
                  <a:pt x="484" y="136"/>
                  <a:pt x="483" y="135"/>
                  <a:pt x="482" y="135"/>
                </a:cubicBezTo>
                <a:cubicBezTo>
                  <a:pt x="480" y="134"/>
                  <a:pt x="479" y="135"/>
                  <a:pt x="478" y="136"/>
                </a:cubicBezTo>
                <a:cubicBezTo>
                  <a:pt x="477" y="137"/>
                  <a:pt x="476" y="140"/>
                  <a:pt x="475" y="141"/>
                </a:cubicBezTo>
                <a:cubicBezTo>
                  <a:pt x="474" y="142"/>
                  <a:pt x="473" y="142"/>
                  <a:pt x="472" y="143"/>
                </a:cubicBezTo>
                <a:cubicBezTo>
                  <a:pt x="470" y="144"/>
                  <a:pt x="469" y="145"/>
                  <a:pt x="468" y="146"/>
                </a:cubicBezTo>
                <a:cubicBezTo>
                  <a:pt x="468" y="147"/>
                  <a:pt x="467" y="148"/>
                  <a:pt x="467" y="148"/>
                </a:cubicBezTo>
                <a:cubicBezTo>
                  <a:pt x="466" y="148"/>
                  <a:pt x="466" y="147"/>
                  <a:pt x="466" y="146"/>
                </a:cubicBezTo>
                <a:cubicBezTo>
                  <a:pt x="466" y="145"/>
                  <a:pt x="466" y="145"/>
                  <a:pt x="467" y="143"/>
                </a:cubicBezTo>
                <a:cubicBezTo>
                  <a:pt x="468" y="142"/>
                  <a:pt x="469" y="141"/>
                  <a:pt x="471" y="140"/>
                </a:cubicBezTo>
                <a:cubicBezTo>
                  <a:pt x="472" y="138"/>
                  <a:pt x="472" y="137"/>
                  <a:pt x="473" y="136"/>
                </a:cubicBezTo>
                <a:cubicBezTo>
                  <a:pt x="474" y="133"/>
                  <a:pt x="476" y="131"/>
                  <a:pt x="477" y="130"/>
                </a:cubicBezTo>
                <a:cubicBezTo>
                  <a:pt x="478" y="128"/>
                  <a:pt x="479" y="127"/>
                  <a:pt x="479" y="126"/>
                </a:cubicBezTo>
                <a:cubicBezTo>
                  <a:pt x="480" y="124"/>
                  <a:pt x="481" y="124"/>
                  <a:pt x="481" y="122"/>
                </a:cubicBezTo>
                <a:cubicBezTo>
                  <a:pt x="481" y="121"/>
                  <a:pt x="480" y="120"/>
                  <a:pt x="479" y="119"/>
                </a:cubicBezTo>
                <a:cubicBezTo>
                  <a:pt x="477" y="119"/>
                  <a:pt x="476" y="120"/>
                  <a:pt x="475" y="122"/>
                </a:cubicBezTo>
                <a:cubicBezTo>
                  <a:pt x="474" y="123"/>
                  <a:pt x="473" y="125"/>
                  <a:pt x="472" y="127"/>
                </a:cubicBezTo>
                <a:cubicBezTo>
                  <a:pt x="470" y="129"/>
                  <a:pt x="470" y="130"/>
                  <a:pt x="468" y="132"/>
                </a:cubicBezTo>
                <a:cubicBezTo>
                  <a:pt x="467" y="133"/>
                  <a:pt x="466" y="134"/>
                  <a:pt x="466" y="135"/>
                </a:cubicBezTo>
                <a:cubicBezTo>
                  <a:pt x="465" y="136"/>
                  <a:pt x="464" y="137"/>
                  <a:pt x="464" y="138"/>
                </a:cubicBezTo>
                <a:cubicBezTo>
                  <a:pt x="463" y="139"/>
                  <a:pt x="463" y="139"/>
                  <a:pt x="462" y="140"/>
                </a:cubicBezTo>
                <a:cubicBezTo>
                  <a:pt x="462" y="140"/>
                  <a:pt x="461" y="138"/>
                  <a:pt x="461" y="138"/>
                </a:cubicBezTo>
                <a:cubicBezTo>
                  <a:pt x="461" y="138"/>
                  <a:pt x="461" y="138"/>
                  <a:pt x="462" y="137"/>
                </a:cubicBezTo>
                <a:cubicBezTo>
                  <a:pt x="462" y="136"/>
                  <a:pt x="464" y="134"/>
                  <a:pt x="465" y="133"/>
                </a:cubicBezTo>
                <a:cubicBezTo>
                  <a:pt x="466" y="131"/>
                  <a:pt x="466" y="130"/>
                  <a:pt x="466" y="129"/>
                </a:cubicBezTo>
                <a:cubicBezTo>
                  <a:pt x="467" y="128"/>
                  <a:pt x="468" y="126"/>
                  <a:pt x="469" y="124"/>
                </a:cubicBezTo>
                <a:cubicBezTo>
                  <a:pt x="470" y="122"/>
                  <a:pt x="470" y="122"/>
                  <a:pt x="471" y="120"/>
                </a:cubicBezTo>
                <a:cubicBezTo>
                  <a:pt x="472" y="119"/>
                  <a:pt x="472" y="118"/>
                  <a:pt x="473" y="117"/>
                </a:cubicBezTo>
                <a:cubicBezTo>
                  <a:pt x="473" y="115"/>
                  <a:pt x="474" y="115"/>
                  <a:pt x="474" y="113"/>
                </a:cubicBezTo>
                <a:cubicBezTo>
                  <a:pt x="474" y="111"/>
                  <a:pt x="472" y="110"/>
                  <a:pt x="471" y="110"/>
                </a:cubicBezTo>
                <a:cubicBezTo>
                  <a:pt x="469" y="110"/>
                  <a:pt x="468" y="112"/>
                  <a:pt x="467" y="114"/>
                </a:cubicBezTo>
                <a:cubicBezTo>
                  <a:pt x="466" y="116"/>
                  <a:pt x="465" y="118"/>
                  <a:pt x="464" y="120"/>
                </a:cubicBezTo>
                <a:cubicBezTo>
                  <a:pt x="463" y="122"/>
                  <a:pt x="462" y="123"/>
                  <a:pt x="461" y="124"/>
                </a:cubicBezTo>
                <a:cubicBezTo>
                  <a:pt x="460" y="125"/>
                  <a:pt x="460" y="126"/>
                  <a:pt x="460" y="127"/>
                </a:cubicBezTo>
                <a:cubicBezTo>
                  <a:pt x="460" y="128"/>
                  <a:pt x="459" y="128"/>
                  <a:pt x="459" y="129"/>
                </a:cubicBezTo>
                <a:cubicBezTo>
                  <a:pt x="458" y="130"/>
                  <a:pt x="458" y="131"/>
                  <a:pt x="457" y="132"/>
                </a:cubicBezTo>
                <a:cubicBezTo>
                  <a:pt x="457" y="133"/>
                  <a:pt x="456" y="134"/>
                  <a:pt x="456" y="134"/>
                </a:cubicBezTo>
                <a:cubicBezTo>
                  <a:pt x="455" y="135"/>
                  <a:pt x="455" y="134"/>
                  <a:pt x="455" y="134"/>
                </a:cubicBezTo>
                <a:cubicBezTo>
                  <a:pt x="454" y="134"/>
                  <a:pt x="454" y="132"/>
                  <a:pt x="455" y="131"/>
                </a:cubicBezTo>
                <a:cubicBezTo>
                  <a:pt x="455" y="129"/>
                  <a:pt x="455" y="128"/>
                  <a:pt x="456" y="127"/>
                </a:cubicBezTo>
                <a:cubicBezTo>
                  <a:pt x="456" y="125"/>
                  <a:pt x="456" y="124"/>
                  <a:pt x="457" y="121"/>
                </a:cubicBezTo>
                <a:cubicBezTo>
                  <a:pt x="458" y="119"/>
                  <a:pt x="459" y="118"/>
                  <a:pt x="460" y="116"/>
                </a:cubicBezTo>
                <a:cubicBezTo>
                  <a:pt x="461" y="114"/>
                  <a:pt x="461" y="112"/>
                  <a:pt x="462" y="110"/>
                </a:cubicBezTo>
                <a:cubicBezTo>
                  <a:pt x="462" y="108"/>
                  <a:pt x="460" y="107"/>
                  <a:pt x="458" y="108"/>
                </a:cubicBezTo>
                <a:cubicBezTo>
                  <a:pt x="456" y="108"/>
                  <a:pt x="455" y="111"/>
                  <a:pt x="454" y="112"/>
                </a:cubicBezTo>
                <a:cubicBezTo>
                  <a:pt x="454" y="113"/>
                  <a:pt x="453" y="115"/>
                  <a:pt x="453" y="116"/>
                </a:cubicBezTo>
                <a:cubicBezTo>
                  <a:pt x="452" y="117"/>
                  <a:pt x="452" y="118"/>
                  <a:pt x="451" y="119"/>
                </a:cubicBezTo>
                <a:cubicBezTo>
                  <a:pt x="450" y="121"/>
                  <a:pt x="450" y="121"/>
                  <a:pt x="449" y="124"/>
                </a:cubicBezTo>
                <a:cubicBezTo>
                  <a:pt x="448" y="126"/>
                  <a:pt x="448" y="127"/>
                  <a:pt x="448" y="130"/>
                </a:cubicBezTo>
                <a:cubicBezTo>
                  <a:pt x="447" y="132"/>
                  <a:pt x="446" y="133"/>
                  <a:pt x="446" y="134"/>
                </a:cubicBezTo>
                <a:cubicBezTo>
                  <a:pt x="445" y="135"/>
                  <a:pt x="445" y="136"/>
                  <a:pt x="444" y="137"/>
                </a:cubicBezTo>
                <a:cubicBezTo>
                  <a:pt x="444" y="139"/>
                  <a:pt x="442" y="139"/>
                  <a:pt x="441" y="140"/>
                </a:cubicBezTo>
                <a:cubicBezTo>
                  <a:pt x="440" y="140"/>
                  <a:pt x="437" y="142"/>
                  <a:pt x="437" y="142"/>
                </a:cubicBezTo>
                <a:cubicBezTo>
                  <a:pt x="436" y="143"/>
                  <a:pt x="436" y="142"/>
                  <a:pt x="436" y="142"/>
                </a:cubicBezTo>
                <a:cubicBezTo>
                  <a:pt x="435" y="141"/>
                  <a:pt x="435" y="141"/>
                  <a:pt x="435" y="140"/>
                </a:cubicBezTo>
                <a:cubicBezTo>
                  <a:pt x="435" y="139"/>
                  <a:pt x="435" y="138"/>
                  <a:pt x="435" y="137"/>
                </a:cubicBezTo>
                <a:cubicBezTo>
                  <a:pt x="434" y="136"/>
                  <a:pt x="434" y="135"/>
                  <a:pt x="433" y="134"/>
                </a:cubicBezTo>
                <a:cubicBezTo>
                  <a:pt x="433" y="133"/>
                  <a:pt x="433" y="132"/>
                  <a:pt x="431" y="129"/>
                </a:cubicBezTo>
                <a:cubicBezTo>
                  <a:pt x="430" y="127"/>
                  <a:pt x="428" y="126"/>
                  <a:pt x="427" y="125"/>
                </a:cubicBezTo>
                <a:cubicBezTo>
                  <a:pt x="426" y="125"/>
                  <a:pt x="425" y="125"/>
                  <a:pt x="424" y="126"/>
                </a:cubicBezTo>
                <a:cubicBezTo>
                  <a:pt x="423" y="127"/>
                  <a:pt x="424" y="128"/>
                  <a:pt x="424" y="129"/>
                </a:cubicBezTo>
                <a:cubicBezTo>
                  <a:pt x="425" y="129"/>
                  <a:pt x="425" y="131"/>
                  <a:pt x="426" y="133"/>
                </a:cubicBezTo>
                <a:cubicBezTo>
                  <a:pt x="426" y="135"/>
                  <a:pt x="427" y="136"/>
                  <a:pt x="427" y="138"/>
                </a:cubicBezTo>
                <a:cubicBezTo>
                  <a:pt x="427" y="140"/>
                  <a:pt x="427" y="141"/>
                  <a:pt x="427" y="143"/>
                </a:cubicBezTo>
                <a:cubicBezTo>
                  <a:pt x="427" y="144"/>
                  <a:pt x="426" y="145"/>
                  <a:pt x="426" y="147"/>
                </a:cubicBezTo>
                <a:cubicBezTo>
                  <a:pt x="426" y="149"/>
                  <a:pt x="427" y="152"/>
                  <a:pt x="428" y="154"/>
                </a:cubicBezTo>
                <a:cubicBezTo>
                  <a:pt x="428" y="157"/>
                  <a:pt x="428" y="158"/>
                  <a:pt x="429" y="160"/>
                </a:cubicBezTo>
                <a:cubicBezTo>
                  <a:pt x="429" y="163"/>
                  <a:pt x="429" y="163"/>
                  <a:pt x="429" y="164"/>
                </a:cubicBezTo>
                <a:cubicBezTo>
                  <a:pt x="428" y="165"/>
                  <a:pt x="426" y="167"/>
                  <a:pt x="426" y="167"/>
                </a:cubicBezTo>
                <a:cubicBezTo>
                  <a:pt x="426" y="167"/>
                  <a:pt x="426" y="167"/>
                  <a:pt x="425" y="167"/>
                </a:cubicBezTo>
                <a:cubicBezTo>
                  <a:pt x="425" y="167"/>
                  <a:pt x="425" y="167"/>
                  <a:pt x="424" y="168"/>
                </a:cubicBezTo>
                <a:cubicBezTo>
                  <a:pt x="424" y="168"/>
                  <a:pt x="423" y="169"/>
                  <a:pt x="421" y="170"/>
                </a:cubicBezTo>
                <a:cubicBezTo>
                  <a:pt x="419" y="171"/>
                  <a:pt x="417" y="173"/>
                  <a:pt x="413" y="175"/>
                </a:cubicBezTo>
                <a:cubicBezTo>
                  <a:pt x="409" y="177"/>
                  <a:pt x="407" y="178"/>
                  <a:pt x="406" y="179"/>
                </a:cubicBezTo>
                <a:cubicBezTo>
                  <a:pt x="404" y="179"/>
                  <a:pt x="401" y="182"/>
                  <a:pt x="400" y="183"/>
                </a:cubicBezTo>
                <a:cubicBezTo>
                  <a:pt x="399" y="184"/>
                  <a:pt x="398" y="186"/>
                  <a:pt x="398" y="186"/>
                </a:cubicBezTo>
                <a:cubicBezTo>
                  <a:pt x="398" y="186"/>
                  <a:pt x="398" y="186"/>
                  <a:pt x="397" y="185"/>
                </a:cubicBezTo>
                <a:cubicBezTo>
                  <a:pt x="396" y="185"/>
                  <a:pt x="394" y="185"/>
                  <a:pt x="393" y="186"/>
                </a:cubicBezTo>
                <a:cubicBezTo>
                  <a:pt x="391" y="186"/>
                  <a:pt x="387" y="188"/>
                  <a:pt x="386" y="189"/>
                </a:cubicBezTo>
                <a:cubicBezTo>
                  <a:pt x="385" y="190"/>
                  <a:pt x="383" y="190"/>
                  <a:pt x="383" y="192"/>
                </a:cubicBezTo>
                <a:cubicBezTo>
                  <a:pt x="382" y="193"/>
                  <a:pt x="381" y="194"/>
                  <a:pt x="381" y="194"/>
                </a:cubicBezTo>
                <a:cubicBezTo>
                  <a:pt x="381" y="194"/>
                  <a:pt x="380" y="195"/>
                  <a:pt x="378" y="195"/>
                </a:cubicBezTo>
                <a:cubicBezTo>
                  <a:pt x="375" y="196"/>
                  <a:pt x="374" y="196"/>
                  <a:pt x="373" y="196"/>
                </a:cubicBezTo>
                <a:cubicBezTo>
                  <a:pt x="373" y="196"/>
                  <a:pt x="372" y="196"/>
                  <a:pt x="371" y="196"/>
                </a:cubicBezTo>
                <a:cubicBezTo>
                  <a:pt x="371" y="196"/>
                  <a:pt x="371" y="195"/>
                  <a:pt x="370" y="195"/>
                </a:cubicBezTo>
                <a:cubicBezTo>
                  <a:pt x="369" y="195"/>
                  <a:pt x="369" y="195"/>
                  <a:pt x="369" y="195"/>
                </a:cubicBezTo>
                <a:cubicBezTo>
                  <a:pt x="369" y="195"/>
                  <a:pt x="368" y="194"/>
                  <a:pt x="367" y="191"/>
                </a:cubicBezTo>
                <a:cubicBezTo>
                  <a:pt x="367" y="189"/>
                  <a:pt x="366" y="187"/>
                  <a:pt x="365" y="185"/>
                </a:cubicBezTo>
                <a:cubicBezTo>
                  <a:pt x="365" y="184"/>
                  <a:pt x="364" y="182"/>
                  <a:pt x="363" y="181"/>
                </a:cubicBezTo>
                <a:cubicBezTo>
                  <a:pt x="362" y="178"/>
                  <a:pt x="361" y="176"/>
                  <a:pt x="360" y="174"/>
                </a:cubicBezTo>
                <a:cubicBezTo>
                  <a:pt x="359" y="173"/>
                  <a:pt x="358" y="171"/>
                  <a:pt x="357" y="170"/>
                </a:cubicBezTo>
                <a:cubicBezTo>
                  <a:pt x="355" y="168"/>
                  <a:pt x="354" y="166"/>
                  <a:pt x="353" y="164"/>
                </a:cubicBezTo>
                <a:cubicBezTo>
                  <a:pt x="352" y="163"/>
                  <a:pt x="352" y="162"/>
                  <a:pt x="352" y="161"/>
                </a:cubicBezTo>
                <a:cubicBezTo>
                  <a:pt x="351" y="160"/>
                  <a:pt x="350" y="157"/>
                  <a:pt x="347" y="152"/>
                </a:cubicBezTo>
                <a:cubicBezTo>
                  <a:pt x="346" y="149"/>
                  <a:pt x="344" y="147"/>
                  <a:pt x="343" y="145"/>
                </a:cubicBezTo>
                <a:cubicBezTo>
                  <a:pt x="341" y="142"/>
                  <a:pt x="339" y="140"/>
                  <a:pt x="338" y="139"/>
                </a:cubicBezTo>
                <a:cubicBezTo>
                  <a:pt x="336" y="137"/>
                  <a:pt x="335" y="135"/>
                  <a:pt x="333" y="134"/>
                </a:cubicBezTo>
                <a:cubicBezTo>
                  <a:pt x="332" y="133"/>
                  <a:pt x="332" y="132"/>
                  <a:pt x="331" y="132"/>
                </a:cubicBezTo>
                <a:cubicBezTo>
                  <a:pt x="330" y="130"/>
                  <a:pt x="329" y="130"/>
                  <a:pt x="328" y="128"/>
                </a:cubicBezTo>
                <a:cubicBezTo>
                  <a:pt x="327" y="127"/>
                  <a:pt x="326" y="126"/>
                  <a:pt x="323" y="123"/>
                </a:cubicBezTo>
                <a:cubicBezTo>
                  <a:pt x="320" y="119"/>
                  <a:pt x="316" y="116"/>
                  <a:pt x="314" y="113"/>
                </a:cubicBezTo>
                <a:cubicBezTo>
                  <a:pt x="311" y="111"/>
                  <a:pt x="310" y="109"/>
                  <a:pt x="309" y="108"/>
                </a:cubicBezTo>
                <a:cubicBezTo>
                  <a:pt x="308" y="108"/>
                  <a:pt x="307" y="106"/>
                  <a:pt x="306" y="105"/>
                </a:cubicBezTo>
                <a:cubicBezTo>
                  <a:pt x="304" y="103"/>
                  <a:pt x="302" y="102"/>
                  <a:pt x="302" y="102"/>
                </a:cubicBezTo>
                <a:cubicBezTo>
                  <a:pt x="302" y="100"/>
                  <a:pt x="302" y="100"/>
                  <a:pt x="302" y="100"/>
                </a:cubicBezTo>
                <a:cubicBezTo>
                  <a:pt x="302" y="100"/>
                  <a:pt x="302" y="100"/>
                  <a:pt x="303" y="99"/>
                </a:cubicBezTo>
                <a:cubicBezTo>
                  <a:pt x="304" y="98"/>
                  <a:pt x="304" y="97"/>
                  <a:pt x="304" y="96"/>
                </a:cubicBezTo>
                <a:cubicBezTo>
                  <a:pt x="303" y="96"/>
                  <a:pt x="304" y="96"/>
                  <a:pt x="304" y="96"/>
                </a:cubicBezTo>
                <a:cubicBezTo>
                  <a:pt x="305" y="96"/>
                  <a:pt x="305" y="95"/>
                  <a:pt x="306" y="95"/>
                </a:cubicBezTo>
                <a:cubicBezTo>
                  <a:pt x="307" y="94"/>
                  <a:pt x="309" y="93"/>
                  <a:pt x="310" y="93"/>
                </a:cubicBezTo>
                <a:cubicBezTo>
                  <a:pt x="311" y="92"/>
                  <a:pt x="311" y="92"/>
                  <a:pt x="312" y="91"/>
                </a:cubicBezTo>
                <a:cubicBezTo>
                  <a:pt x="313" y="90"/>
                  <a:pt x="314" y="90"/>
                  <a:pt x="316" y="89"/>
                </a:cubicBezTo>
                <a:cubicBezTo>
                  <a:pt x="317" y="88"/>
                  <a:pt x="318" y="87"/>
                  <a:pt x="319" y="86"/>
                </a:cubicBezTo>
                <a:cubicBezTo>
                  <a:pt x="320" y="84"/>
                  <a:pt x="319" y="83"/>
                  <a:pt x="319" y="82"/>
                </a:cubicBezTo>
                <a:cubicBezTo>
                  <a:pt x="319" y="81"/>
                  <a:pt x="318" y="79"/>
                  <a:pt x="318" y="79"/>
                </a:cubicBezTo>
                <a:cubicBezTo>
                  <a:pt x="318" y="79"/>
                  <a:pt x="318" y="78"/>
                  <a:pt x="318" y="77"/>
                </a:cubicBezTo>
                <a:cubicBezTo>
                  <a:pt x="319" y="76"/>
                  <a:pt x="320" y="75"/>
                  <a:pt x="320" y="74"/>
                </a:cubicBezTo>
                <a:cubicBezTo>
                  <a:pt x="321" y="74"/>
                  <a:pt x="320" y="72"/>
                  <a:pt x="319" y="71"/>
                </a:cubicBezTo>
                <a:cubicBezTo>
                  <a:pt x="318" y="70"/>
                  <a:pt x="317" y="70"/>
                  <a:pt x="317" y="70"/>
                </a:cubicBezTo>
                <a:cubicBezTo>
                  <a:pt x="317" y="70"/>
                  <a:pt x="318" y="69"/>
                  <a:pt x="319" y="68"/>
                </a:cubicBezTo>
                <a:cubicBezTo>
                  <a:pt x="320" y="68"/>
                  <a:pt x="320" y="67"/>
                  <a:pt x="321" y="66"/>
                </a:cubicBezTo>
                <a:cubicBezTo>
                  <a:pt x="322" y="65"/>
                  <a:pt x="322" y="64"/>
                  <a:pt x="321" y="63"/>
                </a:cubicBezTo>
                <a:cubicBezTo>
                  <a:pt x="321" y="62"/>
                  <a:pt x="321" y="61"/>
                  <a:pt x="321" y="59"/>
                </a:cubicBezTo>
                <a:cubicBezTo>
                  <a:pt x="321" y="58"/>
                  <a:pt x="321" y="57"/>
                  <a:pt x="322" y="57"/>
                </a:cubicBezTo>
                <a:cubicBezTo>
                  <a:pt x="323" y="56"/>
                  <a:pt x="324" y="56"/>
                  <a:pt x="325" y="56"/>
                </a:cubicBezTo>
                <a:cubicBezTo>
                  <a:pt x="326" y="56"/>
                  <a:pt x="327" y="55"/>
                  <a:pt x="327" y="54"/>
                </a:cubicBezTo>
                <a:cubicBezTo>
                  <a:pt x="328" y="52"/>
                  <a:pt x="326" y="51"/>
                  <a:pt x="325" y="49"/>
                </a:cubicBezTo>
                <a:cubicBezTo>
                  <a:pt x="323" y="48"/>
                  <a:pt x="322" y="46"/>
                  <a:pt x="320" y="44"/>
                </a:cubicBezTo>
                <a:cubicBezTo>
                  <a:pt x="318" y="43"/>
                  <a:pt x="317" y="43"/>
                  <a:pt x="316" y="42"/>
                </a:cubicBezTo>
                <a:cubicBezTo>
                  <a:pt x="316" y="41"/>
                  <a:pt x="316" y="41"/>
                  <a:pt x="315" y="41"/>
                </a:cubicBezTo>
                <a:cubicBezTo>
                  <a:pt x="314" y="39"/>
                  <a:pt x="315" y="36"/>
                  <a:pt x="315" y="35"/>
                </a:cubicBezTo>
                <a:cubicBezTo>
                  <a:pt x="316" y="34"/>
                  <a:pt x="315" y="33"/>
                  <a:pt x="315" y="33"/>
                </a:cubicBezTo>
                <a:cubicBezTo>
                  <a:pt x="314" y="33"/>
                  <a:pt x="315" y="32"/>
                  <a:pt x="314" y="31"/>
                </a:cubicBezTo>
                <a:cubicBezTo>
                  <a:pt x="313" y="29"/>
                  <a:pt x="313" y="30"/>
                  <a:pt x="313" y="30"/>
                </a:cubicBezTo>
                <a:cubicBezTo>
                  <a:pt x="313" y="30"/>
                  <a:pt x="313" y="29"/>
                  <a:pt x="312" y="28"/>
                </a:cubicBezTo>
                <a:cubicBezTo>
                  <a:pt x="312" y="28"/>
                  <a:pt x="312" y="26"/>
                  <a:pt x="311" y="26"/>
                </a:cubicBezTo>
                <a:cubicBezTo>
                  <a:pt x="310" y="25"/>
                  <a:pt x="310" y="25"/>
                  <a:pt x="310" y="24"/>
                </a:cubicBezTo>
                <a:cubicBezTo>
                  <a:pt x="310" y="24"/>
                  <a:pt x="310" y="23"/>
                  <a:pt x="310" y="23"/>
                </a:cubicBezTo>
                <a:cubicBezTo>
                  <a:pt x="309" y="23"/>
                  <a:pt x="309" y="22"/>
                  <a:pt x="309" y="22"/>
                </a:cubicBezTo>
                <a:cubicBezTo>
                  <a:pt x="309" y="21"/>
                  <a:pt x="308" y="20"/>
                  <a:pt x="308" y="20"/>
                </a:cubicBezTo>
                <a:cubicBezTo>
                  <a:pt x="307" y="20"/>
                  <a:pt x="307" y="19"/>
                  <a:pt x="307" y="18"/>
                </a:cubicBezTo>
                <a:cubicBezTo>
                  <a:pt x="306" y="17"/>
                  <a:pt x="305" y="16"/>
                  <a:pt x="305" y="16"/>
                </a:cubicBezTo>
                <a:cubicBezTo>
                  <a:pt x="305" y="16"/>
                  <a:pt x="306" y="16"/>
                  <a:pt x="306" y="16"/>
                </a:cubicBezTo>
                <a:cubicBezTo>
                  <a:pt x="306" y="15"/>
                  <a:pt x="307" y="15"/>
                  <a:pt x="307" y="12"/>
                </a:cubicBezTo>
                <a:cubicBezTo>
                  <a:pt x="307" y="10"/>
                  <a:pt x="305" y="8"/>
                  <a:pt x="303" y="6"/>
                </a:cubicBezTo>
                <a:cubicBezTo>
                  <a:pt x="301" y="5"/>
                  <a:pt x="298" y="3"/>
                  <a:pt x="296" y="2"/>
                </a:cubicBezTo>
                <a:cubicBezTo>
                  <a:pt x="294" y="1"/>
                  <a:pt x="291" y="1"/>
                  <a:pt x="290" y="1"/>
                </a:cubicBezTo>
                <a:cubicBezTo>
                  <a:pt x="288" y="1"/>
                  <a:pt x="285" y="1"/>
                  <a:pt x="283" y="1"/>
                </a:cubicBezTo>
                <a:cubicBezTo>
                  <a:pt x="281" y="1"/>
                  <a:pt x="280" y="0"/>
                  <a:pt x="278" y="1"/>
                </a:cubicBezTo>
                <a:cubicBezTo>
                  <a:pt x="276" y="1"/>
                  <a:pt x="275" y="2"/>
                  <a:pt x="274" y="2"/>
                </a:cubicBezTo>
                <a:cubicBezTo>
                  <a:pt x="273" y="2"/>
                  <a:pt x="271" y="2"/>
                  <a:pt x="269" y="2"/>
                </a:cubicBezTo>
                <a:cubicBezTo>
                  <a:pt x="268" y="2"/>
                  <a:pt x="266" y="3"/>
                  <a:pt x="265" y="3"/>
                </a:cubicBezTo>
                <a:cubicBezTo>
                  <a:pt x="263" y="3"/>
                  <a:pt x="261" y="4"/>
                  <a:pt x="260" y="4"/>
                </a:cubicBezTo>
                <a:cubicBezTo>
                  <a:pt x="259" y="5"/>
                  <a:pt x="257" y="5"/>
                  <a:pt x="256" y="6"/>
                </a:cubicBezTo>
                <a:cubicBezTo>
                  <a:pt x="255" y="6"/>
                  <a:pt x="254" y="7"/>
                  <a:pt x="253" y="8"/>
                </a:cubicBezTo>
                <a:cubicBezTo>
                  <a:pt x="251" y="8"/>
                  <a:pt x="250" y="10"/>
                  <a:pt x="248" y="11"/>
                </a:cubicBezTo>
                <a:cubicBezTo>
                  <a:pt x="247" y="13"/>
                  <a:pt x="246" y="14"/>
                  <a:pt x="243" y="17"/>
                </a:cubicBezTo>
                <a:cubicBezTo>
                  <a:pt x="240" y="20"/>
                  <a:pt x="241" y="22"/>
                  <a:pt x="240" y="23"/>
                </a:cubicBezTo>
                <a:cubicBezTo>
                  <a:pt x="239" y="25"/>
                  <a:pt x="239" y="26"/>
                  <a:pt x="238" y="28"/>
                </a:cubicBezTo>
                <a:cubicBezTo>
                  <a:pt x="238" y="29"/>
                  <a:pt x="238" y="30"/>
                  <a:pt x="237" y="31"/>
                </a:cubicBezTo>
                <a:cubicBezTo>
                  <a:pt x="237" y="33"/>
                  <a:pt x="237" y="34"/>
                  <a:pt x="237" y="37"/>
                </a:cubicBezTo>
                <a:cubicBezTo>
                  <a:pt x="237" y="39"/>
                  <a:pt x="237" y="40"/>
                  <a:pt x="237" y="41"/>
                </a:cubicBezTo>
                <a:cubicBezTo>
                  <a:pt x="237" y="42"/>
                  <a:pt x="238" y="42"/>
                  <a:pt x="238" y="43"/>
                </a:cubicBezTo>
                <a:cubicBezTo>
                  <a:pt x="238" y="44"/>
                  <a:pt x="237" y="44"/>
                  <a:pt x="237" y="45"/>
                </a:cubicBezTo>
                <a:cubicBezTo>
                  <a:pt x="237" y="47"/>
                  <a:pt x="238" y="48"/>
                  <a:pt x="238" y="49"/>
                </a:cubicBezTo>
                <a:cubicBezTo>
                  <a:pt x="238" y="49"/>
                  <a:pt x="238" y="50"/>
                  <a:pt x="238" y="51"/>
                </a:cubicBezTo>
                <a:cubicBezTo>
                  <a:pt x="238" y="51"/>
                  <a:pt x="238" y="52"/>
                  <a:pt x="238" y="53"/>
                </a:cubicBezTo>
                <a:cubicBezTo>
                  <a:pt x="238" y="56"/>
                  <a:pt x="239" y="57"/>
                  <a:pt x="239" y="59"/>
                </a:cubicBezTo>
                <a:cubicBezTo>
                  <a:pt x="239" y="60"/>
                  <a:pt x="240" y="60"/>
                  <a:pt x="240" y="61"/>
                </a:cubicBezTo>
                <a:cubicBezTo>
                  <a:pt x="240" y="61"/>
                  <a:pt x="240" y="61"/>
                  <a:pt x="240" y="62"/>
                </a:cubicBezTo>
                <a:cubicBezTo>
                  <a:pt x="240" y="62"/>
                  <a:pt x="241" y="63"/>
                  <a:pt x="241" y="64"/>
                </a:cubicBezTo>
                <a:cubicBezTo>
                  <a:pt x="242" y="65"/>
                  <a:pt x="242" y="66"/>
                  <a:pt x="243" y="66"/>
                </a:cubicBezTo>
                <a:cubicBezTo>
                  <a:pt x="243" y="67"/>
                  <a:pt x="243" y="68"/>
                  <a:pt x="244" y="69"/>
                </a:cubicBezTo>
                <a:cubicBezTo>
                  <a:pt x="244" y="69"/>
                  <a:pt x="244" y="70"/>
                  <a:pt x="244" y="70"/>
                </a:cubicBezTo>
                <a:cubicBezTo>
                  <a:pt x="244" y="71"/>
                  <a:pt x="244" y="72"/>
                  <a:pt x="244" y="73"/>
                </a:cubicBezTo>
                <a:cubicBezTo>
                  <a:pt x="245" y="73"/>
                  <a:pt x="245" y="74"/>
                  <a:pt x="246" y="74"/>
                </a:cubicBezTo>
                <a:cubicBezTo>
                  <a:pt x="246" y="75"/>
                  <a:pt x="246" y="75"/>
                  <a:pt x="246" y="76"/>
                </a:cubicBezTo>
                <a:cubicBezTo>
                  <a:pt x="246" y="76"/>
                  <a:pt x="247" y="76"/>
                  <a:pt x="247" y="77"/>
                </a:cubicBezTo>
                <a:cubicBezTo>
                  <a:pt x="248" y="78"/>
                  <a:pt x="249" y="78"/>
                  <a:pt x="249" y="79"/>
                </a:cubicBezTo>
                <a:cubicBezTo>
                  <a:pt x="250" y="79"/>
                  <a:pt x="251" y="80"/>
                  <a:pt x="252" y="79"/>
                </a:cubicBezTo>
                <a:cubicBezTo>
                  <a:pt x="253" y="79"/>
                  <a:pt x="254" y="79"/>
                  <a:pt x="254" y="79"/>
                </a:cubicBezTo>
                <a:cubicBezTo>
                  <a:pt x="254" y="79"/>
                  <a:pt x="254" y="80"/>
                  <a:pt x="254" y="81"/>
                </a:cubicBezTo>
                <a:cubicBezTo>
                  <a:pt x="254" y="82"/>
                  <a:pt x="253" y="83"/>
                  <a:pt x="252" y="85"/>
                </a:cubicBezTo>
                <a:cubicBezTo>
                  <a:pt x="252" y="86"/>
                  <a:pt x="251" y="87"/>
                  <a:pt x="251" y="88"/>
                </a:cubicBezTo>
                <a:cubicBezTo>
                  <a:pt x="250" y="88"/>
                  <a:pt x="248" y="87"/>
                  <a:pt x="246" y="86"/>
                </a:cubicBezTo>
                <a:cubicBezTo>
                  <a:pt x="244" y="86"/>
                  <a:pt x="244" y="86"/>
                  <a:pt x="239" y="86"/>
                </a:cubicBezTo>
                <a:cubicBezTo>
                  <a:pt x="238" y="86"/>
                  <a:pt x="236" y="86"/>
                  <a:pt x="235" y="86"/>
                </a:cubicBezTo>
                <a:cubicBezTo>
                  <a:pt x="234" y="86"/>
                  <a:pt x="232" y="87"/>
                  <a:pt x="230" y="87"/>
                </a:cubicBezTo>
                <a:cubicBezTo>
                  <a:pt x="229" y="87"/>
                  <a:pt x="228" y="88"/>
                  <a:pt x="227" y="88"/>
                </a:cubicBezTo>
                <a:cubicBezTo>
                  <a:pt x="224" y="89"/>
                  <a:pt x="223" y="90"/>
                  <a:pt x="220" y="92"/>
                </a:cubicBezTo>
                <a:cubicBezTo>
                  <a:pt x="218" y="93"/>
                  <a:pt x="215" y="95"/>
                  <a:pt x="214" y="97"/>
                </a:cubicBezTo>
                <a:cubicBezTo>
                  <a:pt x="212" y="98"/>
                  <a:pt x="211" y="99"/>
                  <a:pt x="209" y="101"/>
                </a:cubicBezTo>
                <a:cubicBezTo>
                  <a:pt x="207" y="103"/>
                  <a:pt x="206" y="104"/>
                  <a:pt x="205" y="106"/>
                </a:cubicBezTo>
                <a:cubicBezTo>
                  <a:pt x="204" y="108"/>
                  <a:pt x="204" y="108"/>
                  <a:pt x="203" y="110"/>
                </a:cubicBezTo>
                <a:cubicBezTo>
                  <a:pt x="203" y="112"/>
                  <a:pt x="203" y="113"/>
                  <a:pt x="203" y="114"/>
                </a:cubicBezTo>
                <a:cubicBezTo>
                  <a:pt x="202" y="116"/>
                  <a:pt x="202" y="117"/>
                  <a:pt x="202" y="117"/>
                </a:cubicBezTo>
                <a:cubicBezTo>
                  <a:pt x="202" y="117"/>
                  <a:pt x="201" y="118"/>
                  <a:pt x="200" y="119"/>
                </a:cubicBezTo>
                <a:cubicBezTo>
                  <a:pt x="198" y="119"/>
                  <a:pt x="197" y="121"/>
                  <a:pt x="196" y="122"/>
                </a:cubicBezTo>
                <a:cubicBezTo>
                  <a:pt x="195" y="122"/>
                  <a:pt x="194" y="122"/>
                  <a:pt x="194" y="122"/>
                </a:cubicBezTo>
                <a:cubicBezTo>
                  <a:pt x="193" y="122"/>
                  <a:pt x="193" y="122"/>
                  <a:pt x="191" y="124"/>
                </a:cubicBezTo>
                <a:cubicBezTo>
                  <a:pt x="189" y="125"/>
                  <a:pt x="188" y="127"/>
                  <a:pt x="187" y="129"/>
                </a:cubicBezTo>
                <a:cubicBezTo>
                  <a:pt x="186" y="130"/>
                  <a:pt x="186" y="131"/>
                  <a:pt x="185" y="132"/>
                </a:cubicBezTo>
                <a:cubicBezTo>
                  <a:pt x="184" y="132"/>
                  <a:pt x="183" y="133"/>
                  <a:pt x="183" y="133"/>
                </a:cubicBezTo>
                <a:cubicBezTo>
                  <a:pt x="182" y="133"/>
                  <a:pt x="181" y="134"/>
                  <a:pt x="180" y="134"/>
                </a:cubicBezTo>
                <a:cubicBezTo>
                  <a:pt x="178" y="134"/>
                  <a:pt x="178" y="134"/>
                  <a:pt x="175" y="135"/>
                </a:cubicBezTo>
                <a:cubicBezTo>
                  <a:pt x="173" y="136"/>
                  <a:pt x="171" y="137"/>
                  <a:pt x="170" y="138"/>
                </a:cubicBezTo>
                <a:cubicBezTo>
                  <a:pt x="169" y="139"/>
                  <a:pt x="168" y="140"/>
                  <a:pt x="167" y="141"/>
                </a:cubicBezTo>
                <a:cubicBezTo>
                  <a:pt x="165" y="142"/>
                  <a:pt x="165" y="142"/>
                  <a:pt x="161" y="144"/>
                </a:cubicBezTo>
                <a:cubicBezTo>
                  <a:pt x="160" y="145"/>
                  <a:pt x="158" y="146"/>
                  <a:pt x="157" y="147"/>
                </a:cubicBezTo>
                <a:cubicBezTo>
                  <a:pt x="156" y="148"/>
                  <a:pt x="155" y="148"/>
                  <a:pt x="154" y="149"/>
                </a:cubicBezTo>
                <a:cubicBezTo>
                  <a:pt x="152" y="151"/>
                  <a:pt x="150" y="152"/>
                  <a:pt x="147" y="154"/>
                </a:cubicBezTo>
                <a:cubicBezTo>
                  <a:pt x="144" y="156"/>
                  <a:pt x="141" y="159"/>
                  <a:pt x="140" y="162"/>
                </a:cubicBezTo>
                <a:cubicBezTo>
                  <a:pt x="138" y="165"/>
                  <a:pt x="137" y="174"/>
                  <a:pt x="135" y="180"/>
                </a:cubicBezTo>
                <a:cubicBezTo>
                  <a:pt x="134" y="187"/>
                  <a:pt x="132" y="200"/>
                  <a:pt x="130" y="205"/>
                </a:cubicBezTo>
                <a:cubicBezTo>
                  <a:pt x="129" y="211"/>
                  <a:pt x="129" y="214"/>
                  <a:pt x="128" y="218"/>
                </a:cubicBezTo>
                <a:cubicBezTo>
                  <a:pt x="127" y="222"/>
                  <a:pt x="127" y="224"/>
                  <a:pt x="126" y="228"/>
                </a:cubicBezTo>
                <a:cubicBezTo>
                  <a:pt x="126" y="232"/>
                  <a:pt x="126" y="232"/>
                  <a:pt x="125" y="237"/>
                </a:cubicBezTo>
                <a:cubicBezTo>
                  <a:pt x="124" y="242"/>
                  <a:pt x="124" y="248"/>
                  <a:pt x="123" y="252"/>
                </a:cubicBezTo>
                <a:cubicBezTo>
                  <a:pt x="123" y="256"/>
                  <a:pt x="122" y="259"/>
                  <a:pt x="122" y="261"/>
                </a:cubicBezTo>
                <a:cubicBezTo>
                  <a:pt x="122" y="262"/>
                  <a:pt x="122" y="264"/>
                  <a:pt x="121" y="265"/>
                </a:cubicBezTo>
                <a:cubicBezTo>
                  <a:pt x="121" y="266"/>
                  <a:pt x="121" y="268"/>
                  <a:pt x="120" y="269"/>
                </a:cubicBezTo>
                <a:cubicBezTo>
                  <a:pt x="120" y="272"/>
                  <a:pt x="119" y="274"/>
                  <a:pt x="119" y="275"/>
                </a:cubicBezTo>
                <a:cubicBezTo>
                  <a:pt x="119" y="275"/>
                  <a:pt x="119" y="275"/>
                  <a:pt x="120" y="275"/>
                </a:cubicBezTo>
                <a:cubicBezTo>
                  <a:pt x="121" y="275"/>
                  <a:pt x="122" y="275"/>
                  <a:pt x="125" y="276"/>
                </a:cubicBezTo>
                <a:cubicBezTo>
                  <a:pt x="129" y="277"/>
                  <a:pt x="134" y="278"/>
                  <a:pt x="134" y="278"/>
                </a:cubicBezTo>
                <a:cubicBezTo>
                  <a:pt x="134" y="278"/>
                  <a:pt x="134" y="279"/>
                  <a:pt x="134" y="279"/>
                </a:cubicBezTo>
                <a:cubicBezTo>
                  <a:pt x="134" y="280"/>
                  <a:pt x="134" y="280"/>
                  <a:pt x="135" y="280"/>
                </a:cubicBezTo>
                <a:cubicBezTo>
                  <a:pt x="135" y="280"/>
                  <a:pt x="136" y="280"/>
                  <a:pt x="136" y="281"/>
                </a:cubicBezTo>
                <a:cubicBezTo>
                  <a:pt x="136" y="281"/>
                  <a:pt x="135" y="281"/>
                  <a:pt x="135" y="282"/>
                </a:cubicBezTo>
                <a:cubicBezTo>
                  <a:pt x="134" y="284"/>
                  <a:pt x="134" y="284"/>
                  <a:pt x="134" y="286"/>
                </a:cubicBezTo>
                <a:cubicBezTo>
                  <a:pt x="133" y="289"/>
                  <a:pt x="133" y="290"/>
                  <a:pt x="133" y="290"/>
                </a:cubicBezTo>
                <a:cubicBezTo>
                  <a:pt x="133" y="290"/>
                  <a:pt x="132" y="291"/>
                  <a:pt x="132" y="291"/>
                </a:cubicBezTo>
                <a:cubicBezTo>
                  <a:pt x="131" y="292"/>
                  <a:pt x="131" y="292"/>
                  <a:pt x="131" y="293"/>
                </a:cubicBezTo>
                <a:cubicBezTo>
                  <a:pt x="130" y="295"/>
                  <a:pt x="128" y="298"/>
                  <a:pt x="128" y="299"/>
                </a:cubicBezTo>
                <a:cubicBezTo>
                  <a:pt x="127" y="301"/>
                  <a:pt x="127" y="301"/>
                  <a:pt x="127" y="301"/>
                </a:cubicBezTo>
                <a:cubicBezTo>
                  <a:pt x="127" y="302"/>
                  <a:pt x="127" y="302"/>
                  <a:pt x="126" y="302"/>
                </a:cubicBezTo>
                <a:cubicBezTo>
                  <a:pt x="126" y="303"/>
                  <a:pt x="126" y="304"/>
                  <a:pt x="126" y="304"/>
                </a:cubicBezTo>
                <a:cubicBezTo>
                  <a:pt x="126" y="304"/>
                  <a:pt x="119" y="300"/>
                  <a:pt x="114" y="296"/>
                </a:cubicBezTo>
                <a:cubicBezTo>
                  <a:pt x="108" y="293"/>
                  <a:pt x="103" y="290"/>
                  <a:pt x="103" y="290"/>
                </a:cubicBezTo>
                <a:cubicBezTo>
                  <a:pt x="103" y="290"/>
                  <a:pt x="103" y="289"/>
                  <a:pt x="103" y="288"/>
                </a:cubicBezTo>
                <a:cubicBezTo>
                  <a:pt x="103" y="288"/>
                  <a:pt x="102" y="287"/>
                  <a:pt x="101" y="287"/>
                </a:cubicBezTo>
                <a:cubicBezTo>
                  <a:pt x="100" y="286"/>
                  <a:pt x="99" y="285"/>
                  <a:pt x="98" y="285"/>
                </a:cubicBezTo>
                <a:cubicBezTo>
                  <a:pt x="97" y="284"/>
                  <a:pt x="96" y="284"/>
                  <a:pt x="95" y="284"/>
                </a:cubicBezTo>
                <a:cubicBezTo>
                  <a:pt x="95" y="284"/>
                  <a:pt x="94" y="284"/>
                  <a:pt x="94" y="284"/>
                </a:cubicBezTo>
                <a:cubicBezTo>
                  <a:pt x="93" y="284"/>
                  <a:pt x="91" y="282"/>
                  <a:pt x="88" y="280"/>
                </a:cubicBezTo>
                <a:cubicBezTo>
                  <a:pt x="84" y="278"/>
                  <a:pt x="84" y="278"/>
                  <a:pt x="82" y="277"/>
                </a:cubicBezTo>
                <a:cubicBezTo>
                  <a:pt x="81" y="276"/>
                  <a:pt x="80" y="275"/>
                  <a:pt x="80" y="274"/>
                </a:cubicBezTo>
                <a:cubicBezTo>
                  <a:pt x="79" y="273"/>
                  <a:pt x="77" y="274"/>
                  <a:pt x="77" y="274"/>
                </a:cubicBezTo>
                <a:cubicBezTo>
                  <a:pt x="76" y="274"/>
                  <a:pt x="75" y="274"/>
                  <a:pt x="75" y="275"/>
                </a:cubicBezTo>
                <a:cubicBezTo>
                  <a:pt x="75" y="275"/>
                  <a:pt x="75" y="275"/>
                  <a:pt x="73" y="275"/>
                </a:cubicBezTo>
                <a:cubicBezTo>
                  <a:pt x="72" y="275"/>
                  <a:pt x="72" y="275"/>
                  <a:pt x="71" y="275"/>
                </a:cubicBezTo>
                <a:cubicBezTo>
                  <a:pt x="70" y="275"/>
                  <a:pt x="69" y="274"/>
                  <a:pt x="68" y="274"/>
                </a:cubicBezTo>
                <a:cubicBezTo>
                  <a:pt x="67" y="274"/>
                  <a:pt x="67" y="274"/>
                  <a:pt x="66" y="274"/>
                </a:cubicBezTo>
                <a:cubicBezTo>
                  <a:pt x="65" y="274"/>
                  <a:pt x="65" y="276"/>
                  <a:pt x="65" y="276"/>
                </a:cubicBezTo>
                <a:cubicBezTo>
                  <a:pt x="64" y="277"/>
                  <a:pt x="64" y="278"/>
                  <a:pt x="64" y="279"/>
                </a:cubicBezTo>
                <a:cubicBezTo>
                  <a:pt x="63" y="280"/>
                  <a:pt x="63" y="281"/>
                  <a:pt x="63" y="281"/>
                </a:cubicBezTo>
                <a:cubicBezTo>
                  <a:pt x="63" y="281"/>
                  <a:pt x="55" y="296"/>
                  <a:pt x="44" y="314"/>
                </a:cubicBezTo>
                <a:cubicBezTo>
                  <a:pt x="39" y="325"/>
                  <a:pt x="33" y="336"/>
                  <a:pt x="27" y="346"/>
                </a:cubicBezTo>
                <a:cubicBezTo>
                  <a:pt x="15" y="369"/>
                  <a:pt x="5" y="388"/>
                  <a:pt x="5" y="388"/>
                </a:cubicBezTo>
                <a:cubicBezTo>
                  <a:pt x="5" y="388"/>
                  <a:pt x="4" y="388"/>
                  <a:pt x="4" y="388"/>
                </a:cubicBezTo>
                <a:cubicBezTo>
                  <a:pt x="3" y="388"/>
                  <a:pt x="3" y="389"/>
                  <a:pt x="3" y="390"/>
                </a:cubicBezTo>
                <a:cubicBezTo>
                  <a:pt x="3" y="391"/>
                  <a:pt x="2" y="391"/>
                  <a:pt x="2" y="391"/>
                </a:cubicBezTo>
                <a:cubicBezTo>
                  <a:pt x="1" y="392"/>
                  <a:pt x="0" y="393"/>
                  <a:pt x="1" y="394"/>
                </a:cubicBezTo>
                <a:cubicBezTo>
                  <a:pt x="1" y="396"/>
                  <a:pt x="3" y="396"/>
                  <a:pt x="4" y="397"/>
                </a:cubicBezTo>
                <a:close/>
                <a:moveTo>
                  <a:pt x="132" y="307"/>
                </a:moveTo>
                <a:cubicBezTo>
                  <a:pt x="132" y="307"/>
                  <a:pt x="132" y="306"/>
                  <a:pt x="132" y="306"/>
                </a:cubicBezTo>
                <a:cubicBezTo>
                  <a:pt x="133" y="305"/>
                  <a:pt x="133" y="304"/>
                  <a:pt x="134" y="303"/>
                </a:cubicBezTo>
                <a:cubicBezTo>
                  <a:pt x="134" y="302"/>
                  <a:pt x="135" y="301"/>
                  <a:pt x="135" y="300"/>
                </a:cubicBezTo>
                <a:cubicBezTo>
                  <a:pt x="136" y="300"/>
                  <a:pt x="136" y="300"/>
                  <a:pt x="136" y="300"/>
                </a:cubicBezTo>
                <a:cubicBezTo>
                  <a:pt x="136" y="300"/>
                  <a:pt x="136" y="300"/>
                  <a:pt x="136" y="301"/>
                </a:cubicBezTo>
                <a:cubicBezTo>
                  <a:pt x="136" y="302"/>
                  <a:pt x="136" y="302"/>
                  <a:pt x="137" y="303"/>
                </a:cubicBezTo>
                <a:cubicBezTo>
                  <a:pt x="138" y="304"/>
                  <a:pt x="139" y="304"/>
                  <a:pt x="139" y="304"/>
                </a:cubicBezTo>
                <a:cubicBezTo>
                  <a:pt x="139" y="304"/>
                  <a:pt x="140" y="305"/>
                  <a:pt x="141" y="305"/>
                </a:cubicBezTo>
                <a:cubicBezTo>
                  <a:pt x="141" y="306"/>
                  <a:pt x="141" y="306"/>
                  <a:pt x="142" y="306"/>
                </a:cubicBezTo>
                <a:cubicBezTo>
                  <a:pt x="142" y="305"/>
                  <a:pt x="143" y="305"/>
                  <a:pt x="143" y="305"/>
                </a:cubicBezTo>
                <a:cubicBezTo>
                  <a:pt x="143" y="305"/>
                  <a:pt x="142" y="307"/>
                  <a:pt x="144" y="308"/>
                </a:cubicBezTo>
                <a:cubicBezTo>
                  <a:pt x="145" y="309"/>
                  <a:pt x="145" y="309"/>
                  <a:pt x="146" y="309"/>
                </a:cubicBezTo>
                <a:cubicBezTo>
                  <a:pt x="148" y="310"/>
                  <a:pt x="148" y="310"/>
                  <a:pt x="148" y="309"/>
                </a:cubicBezTo>
                <a:cubicBezTo>
                  <a:pt x="149" y="309"/>
                  <a:pt x="149" y="309"/>
                  <a:pt x="149" y="309"/>
                </a:cubicBezTo>
                <a:cubicBezTo>
                  <a:pt x="149" y="309"/>
                  <a:pt x="149" y="311"/>
                  <a:pt x="150" y="312"/>
                </a:cubicBezTo>
                <a:cubicBezTo>
                  <a:pt x="151" y="313"/>
                  <a:pt x="152" y="313"/>
                  <a:pt x="153" y="314"/>
                </a:cubicBezTo>
                <a:cubicBezTo>
                  <a:pt x="154" y="314"/>
                  <a:pt x="155" y="314"/>
                  <a:pt x="155" y="313"/>
                </a:cubicBezTo>
                <a:cubicBezTo>
                  <a:pt x="156" y="313"/>
                  <a:pt x="156" y="313"/>
                  <a:pt x="156" y="313"/>
                </a:cubicBezTo>
                <a:cubicBezTo>
                  <a:pt x="156" y="313"/>
                  <a:pt x="156" y="316"/>
                  <a:pt x="157" y="316"/>
                </a:cubicBezTo>
                <a:cubicBezTo>
                  <a:pt x="157" y="317"/>
                  <a:pt x="158" y="317"/>
                  <a:pt x="159" y="318"/>
                </a:cubicBezTo>
                <a:cubicBezTo>
                  <a:pt x="160" y="318"/>
                  <a:pt x="161" y="318"/>
                  <a:pt x="162" y="317"/>
                </a:cubicBezTo>
                <a:cubicBezTo>
                  <a:pt x="163" y="317"/>
                  <a:pt x="163" y="317"/>
                  <a:pt x="164" y="316"/>
                </a:cubicBezTo>
                <a:cubicBezTo>
                  <a:pt x="164" y="316"/>
                  <a:pt x="165" y="316"/>
                  <a:pt x="165" y="316"/>
                </a:cubicBezTo>
                <a:cubicBezTo>
                  <a:pt x="165" y="316"/>
                  <a:pt x="165" y="317"/>
                  <a:pt x="164" y="319"/>
                </a:cubicBezTo>
                <a:cubicBezTo>
                  <a:pt x="163" y="321"/>
                  <a:pt x="162" y="323"/>
                  <a:pt x="162" y="323"/>
                </a:cubicBezTo>
                <a:cubicBezTo>
                  <a:pt x="162" y="323"/>
                  <a:pt x="162" y="322"/>
                  <a:pt x="161" y="323"/>
                </a:cubicBezTo>
                <a:cubicBezTo>
                  <a:pt x="161" y="323"/>
                  <a:pt x="160" y="324"/>
                  <a:pt x="160" y="324"/>
                </a:cubicBezTo>
                <a:cubicBezTo>
                  <a:pt x="160" y="324"/>
                  <a:pt x="160" y="324"/>
                  <a:pt x="160" y="324"/>
                </a:cubicBezTo>
                <a:cubicBezTo>
                  <a:pt x="160" y="324"/>
                  <a:pt x="156" y="322"/>
                  <a:pt x="152" y="320"/>
                </a:cubicBezTo>
                <a:cubicBezTo>
                  <a:pt x="148" y="317"/>
                  <a:pt x="132" y="307"/>
                  <a:pt x="132" y="307"/>
                </a:cubicBezTo>
                <a:close/>
              </a:path>
            </a:pathLst>
          </a:custGeom>
          <a:solidFill>
            <a:srgbClr val="80AD31"/>
          </a:solidFill>
          <a:ln w="44450">
            <a:noFill/>
          </a:ln>
          <a:effectLst>
            <a:outerShdw blurRad="76200" dist="12700" dir="2700000" sy="-23000" kx="-800400" algn="bl" rotWithShape="0">
              <a:prstClr val="black">
                <a:alpha val="20000"/>
              </a:prstClr>
            </a:outerShdw>
          </a:effec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id-ID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grpSp>
        <p:nvGrpSpPr>
          <p:cNvPr id="21" name="组合 20"/>
          <p:cNvGrpSpPr/>
          <p:nvPr/>
        </p:nvGrpSpPr>
        <p:grpSpPr>
          <a:xfrm>
            <a:off x="2604390" y="3639579"/>
            <a:ext cx="1723549" cy="2671967"/>
            <a:chOff x="2556647" y="3460127"/>
            <a:chExt cx="1723549" cy="2671967"/>
          </a:xfrm>
        </p:grpSpPr>
        <p:cxnSp>
          <p:nvCxnSpPr>
            <p:cNvPr id="22" name="Straight Connector 33"/>
            <p:cNvCxnSpPr/>
            <p:nvPr/>
          </p:nvCxnSpPr>
          <p:spPr>
            <a:xfrm flipV="1">
              <a:off x="3329996" y="3460127"/>
              <a:ext cx="0" cy="579393"/>
            </a:xfrm>
            <a:prstGeom prst="line">
              <a:avLst/>
            </a:prstGeom>
            <a:ln w="12700">
              <a:solidFill>
                <a:srgbClr val="80AD31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3" name="Straight Connector 34"/>
            <p:cNvCxnSpPr/>
            <p:nvPr/>
          </p:nvCxnSpPr>
          <p:spPr>
            <a:xfrm rot="5400000">
              <a:off x="3130118" y="4903583"/>
              <a:ext cx="399757" cy="2083"/>
            </a:xfrm>
            <a:prstGeom prst="line">
              <a:avLst/>
            </a:prstGeom>
            <a:ln w="12700">
              <a:solidFill>
                <a:srgbClr val="80AD31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24" name="组合 23"/>
            <p:cNvGrpSpPr/>
            <p:nvPr/>
          </p:nvGrpSpPr>
          <p:grpSpPr>
            <a:xfrm>
              <a:off x="2780331" y="5104060"/>
              <a:ext cx="1450032" cy="1028034"/>
              <a:chOff x="2780331" y="5104060"/>
              <a:chExt cx="1450032" cy="1028034"/>
            </a:xfrm>
          </p:grpSpPr>
          <p:sp>
            <p:nvSpPr>
              <p:cNvPr id="26" name="Parallelogram 31"/>
              <p:cNvSpPr/>
              <p:nvPr/>
            </p:nvSpPr>
            <p:spPr>
              <a:xfrm rot="20990454" flipV="1">
                <a:off x="2858732" y="5171494"/>
                <a:ext cx="1371631" cy="960600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7" name="Rectangle 32"/>
              <p:cNvSpPr/>
              <p:nvPr/>
            </p:nvSpPr>
            <p:spPr>
              <a:xfrm>
                <a:off x="2780331" y="5104060"/>
                <a:ext cx="1099331" cy="199878"/>
              </a:xfrm>
              <a:prstGeom prst="rect">
                <a:avLst/>
              </a:prstGeom>
              <a:solidFill>
                <a:srgbClr val="80AD3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25" name="矩形 24"/>
            <p:cNvSpPr/>
            <p:nvPr/>
          </p:nvSpPr>
          <p:spPr>
            <a:xfrm>
              <a:off x="2556647" y="4181515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>
                  <a:solidFill>
                    <a:srgbClr val="80AD3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the title here</a:t>
              </a:r>
              <a:endParaRPr lang="en-US" altLang="zh-CN" sz="2000" dirty="0">
                <a:solidFill>
                  <a:srgbClr val="80AD3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>
                  <a:solidFill>
                    <a:srgbClr val="BF417E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>
                <a:solidFill>
                  <a:srgbClr val="BF417E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28" name="组合 27"/>
          <p:cNvGrpSpPr/>
          <p:nvPr/>
        </p:nvGrpSpPr>
        <p:grpSpPr>
          <a:xfrm>
            <a:off x="4208020" y="3209778"/>
            <a:ext cx="1723549" cy="2672806"/>
            <a:chOff x="4160277" y="3030326"/>
            <a:chExt cx="1723549" cy="2672806"/>
          </a:xfrm>
        </p:grpSpPr>
        <p:cxnSp>
          <p:nvCxnSpPr>
            <p:cNvPr id="29" name="Straight Connector 39"/>
            <p:cNvCxnSpPr/>
            <p:nvPr/>
          </p:nvCxnSpPr>
          <p:spPr>
            <a:xfrm flipV="1">
              <a:off x="4950289" y="3030326"/>
              <a:ext cx="0" cy="579393"/>
            </a:xfrm>
            <a:prstGeom prst="line">
              <a:avLst/>
            </a:prstGeom>
            <a:ln w="12700">
              <a:solidFill>
                <a:srgbClr val="FEBC30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30" name="Straight Connector 40"/>
            <p:cNvCxnSpPr/>
            <p:nvPr/>
          </p:nvCxnSpPr>
          <p:spPr>
            <a:xfrm rot="5400000">
              <a:off x="4750411" y="4473782"/>
              <a:ext cx="399757" cy="2083"/>
            </a:xfrm>
            <a:prstGeom prst="line">
              <a:avLst/>
            </a:prstGeom>
            <a:ln w="12700">
              <a:solidFill>
                <a:srgbClr val="FEBC3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31" name="组合 30"/>
            <p:cNvGrpSpPr/>
            <p:nvPr/>
          </p:nvGrpSpPr>
          <p:grpSpPr>
            <a:xfrm>
              <a:off x="4400624" y="4674258"/>
              <a:ext cx="1451678" cy="1028874"/>
              <a:chOff x="4400624" y="4674258"/>
              <a:chExt cx="1451678" cy="1028874"/>
            </a:xfrm>
          </p:grpSpPr>
          <p:sp>
            <p:nvSpPr>
              <p:cNvPr id="40" name="Parallelogram 37"/>
              <p:cNvSpPr/>
              <p:nvPr/>
            </p:nvSpPr>
            <p:spPr>
              <a:xfrm rot="20990454" flipV="1">
                <a:off x="4480671" y="4742531"/>
                <a:ext cx="1371631" cy="960601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1" name="Rectangle 38"/>
              <p:cNvSpPr/>
              <p:nvPr/>
            </p:nvSpPr>
            <p:spPr>
              <a:xfrm>
                <a:off x="4400624" y="4674258"/>
                <a:ext cx="1099331" cy="199878"/>
              </a:xfrm>
              <a:prstGeom prst="rect">
                <a:avLst/>
              </a:prstGeom>
              <a:solidFill>
                <a:srgbClr val="FEBC3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39" name="矩形 38"/>
            <p:cNvSpPr/>
            <p:nvPr/>
          </p:nvSpPr>
          <p:spPr>
            <a:xfrm>
              <a:off x="4160277" y="3700966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>
                  <a:solidFill>
                    <a:srgbClr val="FEBC3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the title here</a:t>
              </a:r>
              <a:endParaRPr lang="en-US" altLang="zh-CN" sz="2000" dirty="0">
                <a:solidFill>
                  <a:srgbClr val="FEBC3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42" name="组合 41"/>
          <p:cNvGrpSpPr/>
          <p:nvPr/>
        </p:nvGrpSpPr>
        <p:grpSpPr>
          <a:xfrm>
            <a:off x="5803514" y="2779976"/>
            <a:ext cx="1723549" cy="2675438"/>
            <a:chOff x="5755771" y="2600524"/>
            <a:chExt cx="1723549" cy="2675438"/>
          </a:xfrm>
        </p:grpSpPr>
        <p:cxnSp>
          <p:nvCxnSpPr>
            <p:cNvPr id="43" name="Straight Connector 45"/>
            <p:cNvCxnSpPr/>
            <p:nvPr/>
          </p:nvCxnSpPr>
          <p:spPr>
            <a:xfrm flipV="1">
              <a:off x="6560672" y="2600524"/>
              <a:ext cx="0" cy="579393"/>
            </a:xfrm>
            <a:prstGeom prst="line">
              <a:avLst/>
            </a:prstGeom>
            <a:ln w="12700">
              <a:solidFill>
                <a:srgbClr val="A883BD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44" name="Straight Connector 46"/>
            <p:cNvCxnSpPr/>
            <p:nvPr/>
          </p:nvCxnSpPr>
          <p:spPr>
            <a:xfrm rot="5400000">
              <a:off x="6360794" y="4043981"/>
              <a:ext cx="399757" cy="2083"/>
            </a:xfrm>
            <a:prstGeom prst="line">
              <a:avLst/>
            </a:prstGeom>
            <a:ln w="12700">
              <a:solidFill>
                <a:srgbClr val="A883BD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45" name="组合 44"/>
            <p:cNvGrpSpPr/>
            <p:nvPr/>
          </p:nvGrpSpPr>
          <p:grpSpPr>
            <a:xfrm>
              <a:off x="6011007" y="4244457"/>
              <a:ext cx="1449697" cy="1031505"/>
              <a:chOff x="6011007" y="4244457"/>
              <a:chExt cx="1449697" cy="1031505"/>
            </a:xfrm>
          </p:grpSpPr>
          <p:sp>
            <p:nvSpPr>
              <p:cNvPr id="47" name="Parallelogram 43"/>
              <p:cNvSpPr/>
              <p:nvPr/>
            </p:nvSpPr>
            <p:spPr>
              <a:xfrm rot="20990454" flipV="1">
                <a:off x="6089074" y="4315361"/>
                <a:ext cx="1371630" cy="960601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8" name="Rectangle 44"/>
              <p:cNvSpPr/>
              <p:nvPr/>
            </p:nvSpPr>
            <p:spPr>
              <a:xfrm>
                <a:off x="6011007" y="4244457"/>
                <a:ext cx="1099330" cy="199878"/>
              </a:xfrm>
              <a:prstGeom prst="rect">
                <a:avLst/>
              </a:prstGeom>
              <a:solidFill>
                <a:srgbClr val="A883B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46" name="矩形 45"/>
            <p:cNvSpPr/>
            <p:nvPr/>
          </p:nvSpPr>
          <p:spPr>
            <a:xfrm>
              <a:off x="5755771" y="3271165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>
                  <a:solidFill>
                    <a:srgbClr val="A883BD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the title here</a:t>
              </a:r>
              <a:endParaRPr lang="en-US" altLang="zh-CN" sz="2000" dirty="0">
                <a:solidFill>
                  <a:srgbClr val="A883B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49" name="组合 48"/>
          <p:cNvGrpSpPr/>
          <p:nvPr/>
        </p:nvGrpSpPr>
        <p:grpSpPr>
          <a:xfrm>
            <a:off x="7568060" y="2350174"/>
            <a:ext cx="1723549" cy="2671131"/>
            <a:chOff x="7520317" y="2170722"/>
            <a:chExt cx="1723549" cy="2671131"/>
          </a:xfrm>
        </p:grpSpPr>
        <p:cxnSp>
          <p:nvCxnSpPr>
            <p:cNvPr id="50" name="Straight Connector 51"/>
            <p:cNvCxnSpPr/>
            <p:nvPr/>
          </p:nvCxnSpPr>
          <p:spPr>
            <a:xfrm flipV="1">
              <a:off x="8331959" y="2170722"/>
              <a:ext cx="0" cy="579393"/>
            </a:xfrm>
            <a:prstGeom prst="line">
              <a:avLst/>
            </a:prstGeom>
            <a:ln w="12700">
              <a:solidFill>
                <a:srgbClr val="FF6680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1" name="Straight Connector 52"/>
            <p:cNvCxnSpPr/>
            <p:nvPr/>
          </p:nvCxnSpPr>
          <p:spPr>
            <a:xfrm rot="5400000">
              <a:off x="8132080" y="3614178"/>
              <a:ext cx="399757" cy="2083"/>
            </a:xfrm>
            <a:prstGeom prst="line">
              <a:avLst/>
            </a:prstGeom>
            <a:ln w="12700">
              <a:solidFill>
                <a:srgbClr val="FF6680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52" name="组合 51"/>
            <p:cNvGrpSpPr/>
            <p:nvPr/>
          </p:nvGrpSpPr>
          <p:grpSpPr>
            <a:xfrm>
              <a:off x="7782293" y="3814654"/>
              <a:ext cx="1446084" cy="1027199"/>
              <a:chOff x="7782293" y="3814654"/>
              <a:chExt cx="1446084" cy="1027199"/>
            </a:xfrm>
          </p:grpSpPr>
          <p:sp>
            <p:nvSpPr>
              <p:cNvPr id="54" name="Parallelogram 49"/>
              <p:cNvSpPr/>
              <p:nvPr/>
            </p:nvSpPr>
            <p:spPr>
              <a:xfrm rot="20990454" flipV="1">
                <a:off x="7856746" y="3881253"/>
                <a:ext cx="1371631" cy="960600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55" name="Rectangle 50"/>
              <p:cNvSpPr/>
              <p:nvPr/>
            </p:nvSpPr>
            <p:spPr>
              <a:xfrm>
                <a:off x="7782293" y="3814654"/>
                <a:ext cx="1099331" cy="199878"/>
              </a:xfrm>
              <a:prstGeom prst="rect">
                <a:avLst/>
              </a:prstGeom>
              <a:solidFill>
                <a:srgbClr val="FF668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sp>
          <p:nvSpPr>
            <p:cNvPr id="53" name="矩形 52"/>
            <p:cNvSpPr/>
            <p:nvPr/>
          </p:nvSpPr>
          <p:spPr>
            <a:xfrm>
              <a:off x="7520317" y="2840232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>
                  <a:solidFill>
                    <a:srgbClr val="FF66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the title here</a:t>
              </a:r>
              <a:endParaRPr lang="en-US" altLang="zh-CN" sz="2000" dirty="0">
                <a:solidFill>
                  <a:srgbClr val="FF6680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  <p:grpSp>
        <p:nvGrpSpPr>
          <p:cNvPr id="56" name="组合 55"/>
          <p:cNvGrpSpPr/>
          <p:nvPr/>
        </p:nvGrpSpPr>
        <p:grpSpPr>
          <a:xfrm>
            <a:off x="9332606" y="1920371"/>
            <a:ext cx="1723549" cy="2672375"/>
            <a:chOff x="9284863" y="1740919"/>
            <a:chExt cx="1723549" cy="2672375"/>
          </a:xfrm>
        </p:grpSpPr>
        <p:grpSp>
          <p:nvGrpSpPr>
            <p:cNvPr id="57" name="组合 56"/>
            <p:cNvGrpSpPr/>
            <p:nvPr/>
          </p:nvGrpSpPr>
          <p:grpSpPr>
            <a:xfrm>
              <a:off x="9553580" y="3384852"/>
              <a:ext cx="1448716" cy="1028442"/>
              <a:chOff x="9553580" y="3384852"/>
              <a:chExt cx="1448716" cy="1028442"/>
            </a:xfrm>
          </p:grpSpPr>
          <p:sp>
            <p:nvSpPr>
              <p:cNvPr id="61" name="Parallelogram 55"/>
              <p:cNvSpPr/>
              <p:nvPr/>
            </p:nvSpPr>
            <p:spPr>
              <a:xfrm rot="20990454" flipV="1">
                <a:off x="9630666" y="3452694"/>
                <a:ext cx="1371630" cy="960600"/>
              </a:xfrm>
              <a:prstGeom prst="parallelogram">
                <a:avLst>
                  <a:gd name="adj" fmla="val 27315"/>
                </a:avLst>
              </a:prstGeom>
              <a:gradFill flip="none" rotWithShape="1">
                <a:gsLst>
                  <a:gs pos="14000">
                    <a:srgbClr val="FCF873">
                      <a:alpha val="0"/>
                    </a:srgbClr>
                  </a:gs>
                  <a:gs pos="100000">
                    <a:srgbClr val="FCF873">
                      <a:alpha val="30000"/>
                    </a:srgbClr>
                  </a:gs>
                </a:gsLst>
                <a:lin ang="4800000" scaled="0"/>
                <a:tileRect/>
              </a:gra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2" name="Rectangle 56"/>
              <p:cNvSpPr/>
              <p:nvPr/>
            </p:nvSpPr>
            <p:spPr>
              <a:xfrm>
                <a:off x="9553580" y="3384852"/>
                <a:ext cx="1099330" cy="199878"/>
              </a:xfrm>
              <a:prstGeom prst="rect">
                <a:avLst/>
              </a:prstGeom>
              <a:solidFill>
                <a:srgbClr val="45AFC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>
                  <a:solidFill>
                    <a:schemeClr val="tx1">
                      <a:lumMod val="75000"/>
                      <a:lumOff val="25000"/>
                    </a:schemeClr>
                  </a:solidFill>
                </a:endParaRPr>
              </a:p>
            </p:txBody>
          </p:sp>
        </p:grpSp>
        <p:cxnSp>
          <p:nvCxnSpPr>
            <p:cNvPr id="58" name="Straight Connector 57"/>
            <p:cNvCxnSpPr/>
            <p:nvPr/>
          </p:nvCxnSpPr>
          <p:spPr>
            <a:xfrm flipV="1">
              <a:off x="10103245" y="1740919"/>
              <a:ext cx="0" cy="579393"/>
            </a:xfrm>
            <a:prstGeom prst="line">
              <a:avLst/>
            </a:prstGeom>
            <a:ln w="12700">
              <a:solidFill>
                <a:srgbClr val="45AFC5"/>
              </a:solidFill>
              <a:prstDash val="dash"/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9" name="Straight Connector 58"/>
            <p:cNvCxnSpPr/>
            <p:nvPr/>
          </p:nvCxnSpPr>
          <p:spPr>
            <a:xfrm rot="5400000">
              <a:off x="9903367" y="3184375"/>
              <a:ext cx="399757" cy="2083"/>
            </a:xfrm>
            <a:prstGeom prst="line">
              <a:avLst/>
            </a:prstGeom>
            <a:ln w="12700">
              <a:solidFill>
                <a:srgbClr val="45AFC5"/>
              </a:solidFill>
              <a:prstDash val="sysDash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60" name="矩形 59"/>
            <p:cNvSpPr/>
            <p:nvPr/>
          </p:nvSpPr>
          <p:spPr>
            <a:xfrm>
              <a:off x="9284863" y="2442852"/>
              <a:ext cx="1723549" cy="677108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zh-CN" altLang="en-US" sz="2000" dirty="0">
                  <a:solidFill>
                    <a:srgbClr val="45AFC5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Enter the title here</a:t>
              </a:r>
              <a:endParaRPr lang="en-US" altLang="zh-CN" sz="2000" dirty="0">
                <a:solidFill>
                  <a:srgbClr val="45AFC5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en-US" altLang="zh-CN" dirty="0">
                  <a:solidFill>
                    <a:srgbClr val="DA1F28"/>
                  </a:solidFill>
                  <a:effectLst>
                    <a:outerShdw blurRad="50800" dist="25400" dir="2700000" algn="tl" rotWithShape="0">
                      <a:prstClr val="black">
                        <a:alpha val="40000"/>
                      </a:prstClr>
                    </a:outerShdw>
                  </a:effectLst>
                  <a:latin typeface="Impact" panose="020B0806030902050204" pitchFamily="34" charset="0"/>
                  <a:ea typeface="方正姚体" panose="02010601030101010101" pitchFamily="2" charset="-122"/>
                </a:rPr>
                <a:t>                      </a:t>
              </a:r>
              <a:endParaRPr lang="zh-CN" altLang="en-US" sz="1600" dirty="0">
                <a:solidFill>
                  <a:srgbClr val="DA1F28"/>
                </a:solidFill>
                <a:effectLst>
                  <a:outerShdw blurRad="50800" dist="25400" dir="2700000" algn="tl" rotWithShape="0">
                    <a:prstClr val="black">
                      <a:alpha val="40000"/>
                    </a:prstClr>
                  </a:outerShdw>
                </a:effectLst>
                <a:latin typeface="Impact" panose="020B0806030902050204" pitchFamily="34" charset="0"/>
                <a:ea typeface="方正姚体" panose="02010601030101010101" pitchFamily="2" charset="-122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800335885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decel="10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2" presetClass="entr" presetSubtype="4" de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" presetClass="entr" presetSubtype="4" decel="100000" fill="hold" nodeType="withEffect">
                                  <p:stCondLst>
                                    <p:cond delay="1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4" decel="100000" fill="hold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4" decel="100000" fill="hold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2" presetClass="entr" presetSubtype="4" decel="100000" fill="hold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5" name="图片 14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10032605" y="1815921"/>
            <a:ext cx="1048307" cy="1483454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pic>
        <p:nvPicPr>
          <p:cNvPr id="8" name="图片 7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pic>
        <p:nvPicPr>
          <p:cNvPr id="6" name="图片 5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>
            <a:off x="489889" y="1306542"/>
            <a:ext cx="4056353" cy="4707892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8" name="文本框 27"/>
          <p:cNvSpPr txBox="1"/>
          <p:nvPr/>
        </p:nvSpPr>
        <p:spPr>
          <a:xfrm>
            <a:off x="5126596" y="1428501"/>
            <a:ext cx="585388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36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Thanks for listening.</a:t>
            </a:r>
          </a:p>
        </p:txBody>
      </p:sp>
      <p:cxnSp>
        <p:nvCxnSpPr>
          <p:cNvPr id="29" name="直接连接符 28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7567028" y="-9916"/>
            <a:ext cx="0" cy="4680000"/>
          </a:xfrm>
          <a:prstGeom prst="line">
            <a:avLst/>
          </a:prstGeom>
          <a:ln>
            <a:solidFill>
              <a:schemeClr val="tx1">
                <a:lumMod val="65000"/>
                <a:lumOff val="3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741406317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 advClick="0" advTm="0">
        <p15:prstTrans prst="drap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7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500"/>
                            </p:stCondLst>
                            <p:childTnLst>
                              <p:par>
                                <p:cTn id="15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9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2500"/>
                            </p:stCondLst>
                            <p:childTnLst>
                              <p:par>
                                <p:cTn id="23" presetID="4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4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3" presetID="4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6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4250"/>
                            </p:stCondLst>
                            <p:childTnLst>
                              <p:par>
                                <p:cTn id="51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6" fill="hold">
                            <p:stCondLst>
                              <p:cond delay="5250"/>
                            </p:stCondLst>
                            <p:childTnLst>
                              <p:par>
                                <p:cTn id="57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6" fill="hold">
                            <p:stCondLst>
                              <p:cond delay="5750"/>
                            </p:stCondLst>
                            <p:childTnLst>
                              <p:par>
                                <p:cTn id="67" presetID="3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50000"/>
                                  </p:iterate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set>
                                      <p:cBhvr>
                                        <p:cTn id="69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o>
                                        <p:strVal val="-45.0"/>
                                      </p:to>
                                    </p:set>
                                    <p:anim calcmode="lin" valueType="num">
                                      <p:cBhvr>
                                        <p:cTn id="70" dur="34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45"/>
                                          </p:val>
                                        </p:tav>
                                        <p:tav tm="69900">
                                          <p:val>
                                            <p:fltVal val="45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1" dur="34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117" decel="50000" autoRev="1" fill="hold">
                                          <p:stCondLst>
                                            <p:cond delay="341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(0.354*#ppt_w-0.172*#ppt_h)-#ppt_h/2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3" dur="102" fill="hold">
                                          <p:stCondLst>
                                            <p:cond delay="648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(0.354*#ppt_w-0.172*#ppt_h)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7625"/>
                            </p:stCondLst>
                            <p:childTnLst>
                              <p:par>
                                <p:cTn id="75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7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8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83B345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83B34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1</a:t>
              </a:r>
              <a:endParaRPr lang="zh-CN" altLang="en-US" sz="6600" dirty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735009" y="2405242"/>
            <a:ext cx="2509020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Click here</a:t>
            </a:r>
            <a:endParaRPr lang="en-US" altLang="zh-CN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Enter the</a:t>
            </a:r>
            <a:endParaRPr lang="en-US" altLang="zh-CN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title</a:t>
            </a:r>
          </a:p>
        </p:txBody>
      </p:sp>
    </p:spTree>
    <p:extLst>
      <p:ext uri="{BB962C8B-B14F-4D97-AF65-F5344CB8AC3E}">
        <p14:creationId xmlns:p14="http://schemas.microsoft.com/office/powerpoint/2010/main" val="39163797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mc:AlternateContent xmlns:mc="http://schemas.openxmlformats.org/markup-compatibility/2006">
    <mc:Choice xmlns:p14="http://schemas.microsoft.com/office/powerpoint/2010/main"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sp>
        <p:nvSpPr>
          <p:cNvPr id="46" name="Rectangle 2"/>
          <p:cNvSpPr>
            <a:spLocks noChangeArrowheads="1"/>
          </p:cNvSpPr>
          <p:nvPr/>
        </p:nvSpPr>
        <p:spPr bwMode="auto">
          <a:xfrm flipH="1">
            <a:off x="6161883" y="2432006"/>
            <a:ext cx="4055511" cy="1789679"/>
          </a:xfrm>
          <a:prstGeom prst="snip2DiagRect">
            <a:avLst/>
          </a:prstGeom>
          <a:blipFill dpi="0" rotWithShape="1">
            <a:blip r:embed="rId8" cstate="print"/>
            <a:srcRect/>
            <a:stretch>
              <a:fillRect/>
            </a:stretch>
          </a:blipFill>
          <a:ln w="9525">
            <a:noFill/>
            <a:miter lim="800000"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47" name="Oval 4"/>
          <p:cNvSpPr>
            <a:spLocks noChangeArrowheads="1"/>
          </p:cNvSpPr>
          <p:nvPr/>
        </p:nvSpPr>
        <p:spPr bwMode="auto">
          <a:xfrm>
            <a:off x="2484171" y="4387205"/>
            <a:ext cx="698738" cy="702220"/>
          </a:xfrm>
          <a:prstGeom prst="ellipse">
            <a:avLst/>
          </a:prstGeom>
          <a:solidFill>
            <a:srgbClr val="FEBC30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48" name="Oval 12"/>
          <p:cNvSpPr>
            <a:spLocks noChangeArrowheads="1"/>
          </p:cNvSpPr>
          <p:nvPr/>
        </p:nvSpPr>
        <p:spPr bwMode="auto">
          <a:xfrm>
            <a:off x="4826595" y="4387205"/>
            <a:ext cx="699898" cy="702220"/>
          </a:xfrm>
          <a:prstGeom prst="ellipse">
            <a:avLst/>
          </a:prstGeom>
          <a:solidFill>
            <a:srgbClr val="A883BD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60" name="Oval 14"/>
          <p:cNvSpPr>
            <a:spLocks noChangeArrowheads="1"/>
          </p:cNvSpPr>
          <p:nvPr/>
        </p:nvSpPr>
        <p:spPr bwMode="auto">
          <a:xfrm>
            <a:off x="6968662" y="4387205"/>
            <a:ext cx="698738" cy="702220"/>
          </a:xfrm>
          <a:prstGeom prst="ellipse">
            <a:avLst/>
          </a:prstGeom>
          <a:solidFill>
            <a:srgbClr val="FF6680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sp>
        <p:nvSpPr>
          <p:cNvPr id="61" name="Oval 16"/>
          <p:cNvSpPr>
            <a:spLocks noChangeArrowheads="1"/>
          </p:cNvSpPr>
          <p:nvPr/>
        </p:nvSpPr>
        <p:spPr bwMode="auto">
          <a:xfrm>
            <a:off x="8966965" y="4387205"/>
            <a:ext cx="697579" cy="702220"/>
          </a:xfrm>
          <a:prstGeom prst="ellipse">
            <a:avLst/>
          </a:prstGeom>
          <a:solidFill>
            <a:srgbClr val="45AFC5"/>
          </a:solidFill>
          <a:ln w="9525">
            <a:noFill/>
            <a:round/>
            <a:headEnd/>
            <a:tailEnd/>
          </a:ln>
        </p:spPr>
        <p:txBody>
          <a:bodyPr lIns="91431" tIns="45715" rIns="91431" bIns="45715" anchor="ctr"/>
          <a:lstStyle/>
          <a:p>
            <a:endParaRPr lang="zh-CN" altLang="en-US" sz="3200">
              <a:solidFill>
                <a:srgbClr val="F2F2F2"/>
              </a:solidFill>
              <a:latin typeface="Calibri" pitchFamily="34" charset="0"/>
              <a:sym typeface="Calibri" pitchFamily="34" charset="0"/>
            </a:endParaRPr>
          </a:p>
        </p:txBody>
      </p:sp>
      <p:grpSp>
        <p:nvGrpSpPr>
          <p:cNvPr id="62" name="Group 20"/>
          <p:cNvGrpSpPr>
            <a:grpSpLocks/>
          </p:cNvGrpSpPr>
          <p:nvPr/>
        </p:nvGrpSpPr>
        <p:grpSpPr bwMode="auto">
          <a:xfrm>
            <a:off x="2650916" y="4538713"/>
            <a:ext cx="391152" cy="394635"/>
            <a:chOff x="0" y="0"/>
            <a:chExt cx="401822" cy="404317"/>
          </a:xfrm>
        </p:grpSpPr>
        <p:sp>
          <p:nvSpPr>
            <p:cNvPr id="63" name="Freeform 42"/>
            <p:cNvSpPr>
              <a:spLocks noEditPoints="1" noChangeArrowheads="1"/>
            </p:cNvSpPr>
            <p:nvPr/>
          </p:nvSpPr>
          <p:spPr bwMode="auto">
            <a:xfrm>
              <a:off x="0" y="0"/>
              <a:ext cx="401822" cy="404317"/>
            </a:xfrm>
            <a:custGeom>
              <a:avLst/>
              <a:gdLst>
                <a:gd name="T0" fmla="*/ 199251 w 121"/>
                <a:gd name="T1" fmla="*/ 0 h 121"/>
                <a:gd name="T2" fmla="*/ 0 w 121"/>
                <a:gd name="T3" fmla="*/ 203829 h 121"/>
                <a:gd name="T4" fmla="*/ 199251 w 121"/>
                <a:gd name="T5" fmla="*/ 404317 h 121"/>
                <a:gd name="T6" fmla="*/ 401822 w 121"/>
                <a:gd name="T7" fmla="*/ 203829 h 121"/>
                <a:gd name="T8" fmla="*/ 199251 w 121"/>
                <a:gd name="T9" fmla="*/ 0 h 121"/>
                <a:gd name="T10" fmla="*/ 199251 w 121"/>
                <a:gd name="T11" fmla="*/ 370902 h 121"/>
                <a:gd name="T12" fmla="*/ 33208 w 121"/>
                <a:gd name="T13" fmla="*/ 203829 h 121"/>
                <a:gd name="T14" fmla="*/ 199251 w 121"/>
                <a:gd name="T15" fmla="*/ 33415 h 121"/>
                <a:gd name="T16" fmla="*/ 368614 w 121"/>
                <a:gd name="T17" fmla="*/ 203829 h 121"/>
                <a:gd name="T18" fmla="*/ 199251 w 121"/>
                <a:gd name="T19" fmla="*/ 370902 h 121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21"/>
                <a:gd name="T31" fmla="*/ 0 h 121"/>
                <a:gd name="T32" fmla="*/ 121 w 121"/>
                <a:gd name="T33" fmla="*/ 121 h 121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21" h="121">
                  <a:moveTo>
                    <a:pt x="60" y="0"/>
                  </a:moveTo>
                  <a:cubicBezTo>
                    <a:pt x="27" y="0"/>
                    <a:pt x="0" y="27"/>
                    <a:pt x="0" y="61"/>
                  </a:cubicBezTo>
                  <a:cubicBezTo>
                    <a:pt x="0" y="94"/>
                    <a:pt x="27" y="121"/>
                    <a:pt x="60" y="121"/>
                  </a:cubicBezTo>
                  <a:cubicBezTo>
                    <a:pt x="94" y="121"/>
                    <a:pt x="121" y="94"/>
                    <a:pt x="121" y="61"/>
                  </a:cubicBezTo>
                  <a:cubicBezTo>
                    <a:pt x="121" y="27"/>
                    <a:pt x="94" y="0"/>
                    <a:pt x="60" y="0"/>
                  </a:cubicBezTo>
                  <a:close/>
                  <a:moveTo>
                    <a:pt x="60" y="111"/>
                  </a:moveTo>
                  <a:cubicBezTo>
                    <a:pt x="32" y="111"/>
                    <a:pt x="10" y="89"/>
                    <a:pt x="10" y="61"/>
                  </a:cubicBezTo>
                  <a:cubicBezTo>
                    <a:pt x="10" y="33"/>
                    <a:pt x="32" y="10"/>
                    <a:pt x="60" y="10"/>
                  </a:cubicBezTo>
                  <a:cubicBezTo>
                    <a:pt x="88" y="10"/>
                    <a:pt x="111" y="33"/>
                    <a:pt x="111" y="61"/>
                  </a:cubicBezTo>
                  <a:cubicBezTo>
                    <a:pt x="111" y="89"/>
                    <a:pt x="88" y="111"/>
                    <a:pt x="60" y="111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4" name="Freeform 43"/>
            <p:cNvSpPr>
              <a:spLocks noChangeArrowheads="1"/>
            </p:cNvSpPr>
            <p:nvPr/>
          </p:nvSpPr>
          <p:spPr bwMode="auto">
            <a:xfrm>
              <a:off x="107320" y="97336"/>
              <a:ext cx="139764" cy="199662"/>
            </a:xfrm>
            <a:custGeom>
              <a:avLst/>
              <a:gdLst>
                <a:gd name="T0" fmla="*/ 139764 w 42"/>
                <a:gd name="T1" fmla="*/ 199662 h 60"/>
                <a:gd name="T2" fmla="*/ 139764 w 42"/>
                <a:gd name="T3" fmla="*/ 0 h 60"/>
                <a:gd name="T4" fmla="*/ 0 w 42"/>
                <a:gd name="T5" fmla="*/ 139763 h 60"/>
                <a:gd name="T6" fmla="*/ 139764 w 42"/>
                <a:gd name="T7" fmla="*/ 199662 h 60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42"/>
                <a:gd name="T13" fmla="*/ 0 h 60"/>
                <a:gd name="T14" fmla="*/ 42 w 42"/>
                <a:gd name="T15" fmla="*/ 60 h 60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42" h="60">
                  <a:moveTo>
                    <a:pt x="42" y="60"/>
                  </a:moveTo>
                  <a:cubicBezTo>
                    <a:pt x="42" y="0"/>
                    <a:pt x="42" y="0"/>
                    <a:pt x="42" y="0"/>
                  </a:cubicBezTo>
                  <a:cubicBezTo>
                    <a:pt x="0" y="42"/>
                    <a:pt x="0" y="42"/>
                    <a:pt x="0" y="42"/>
                  </a:cubicBezTo>
                  <a:cubicBezTo>
                    <a:pt x="29" y="42"/>
                    <a:pt x="42" y="60"/>
                    <a:pt x="42" y="60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grpSp>
        <p:nvGrpSpPr>
          <p:cNvPr id="65" name="Group 23"/>
          <p:cNvGrpSpPr>
            <a:grpSpLocks/>
          </p:cNvGrpSpPr>
          <p:nvPr/>
        </p:nvGrpSpPr>
        <p:grpSpPr bwMode="auto">
          <a:xfrm>
            <a:off x="5029438" y="4585107"/>
            <a:ext cx="379547" cy="330796"/>
            <a:chOff x="0" y="0"/>
            <a:chExt cx="389342" cy="339426"/>
          </a:xfrm>
        </p:grpSpPr>
        <p:sp>
          <p:nvSpPr>
            <p:cNvPr id="66" name="Freeform 110"/>
            <p:cNvSpPr>
              <a:spLocks noChangeArrowheads="1"/>
            </p:cNvSpPr>
            <p:nvPr/>
          </p:nvSpPr>
          <p:spPr bwMode="auto">
            <a:xfrm>
              <a:off x="259561" y="102327"/>
              <a:ext cx="102328" cy="102328"/>
            </a:xfrm>
            <a:custGeom>
              <a:avLst/>
              <a:gdLst>
                <a:gd name="T0" fmla="*/ 0 w 41"/>
                <a:gd name="T1" fmla="*/ 97336 h 41"/>
                <a:gd name="T2" fmla="*/ 7487 w 41"/>
                <a:gd name="T3" fmla="*/ 102328 h 41"/>
                <a:gd name="T4" fmla="*/ 102328 w 41"/>
                <a:gd name="T5" fmla="*/ 7487 h 41"/>
                <a:gd name="T6" fmla="*/ 97336 w 41"/>
                <a:gd name="T7" fmla="*/ 0 h 41"/>
                <a:gd name="T8" fmla="*/ 0 w 41"/>
                <a:gd name="T9" fmla="*/ 97336 h 41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1"/>
                <a:gd name="T16" fmla="*/ 0 h 41"/>
                <a:gd name="T17" fmla="*/ 41 w 41"/>
                <a:gd name="T18" fmla="*/ 41 h 41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1" h="41">
                  <a:moveTo>
                    <a:pt x="0" y="39"/>
                  </a:moveTo>
                  <a:lnTo>
                    <a:pt x="3" y="41"/>
                  </a:lnTo>
                  <a:lnTo>
                    <a:pt x="41" y="3"/>
                  </a:lnTo>
                  <a:lnTo>
                    <a:pt x="39" y="0"/>
                  </a:lnTo>
                  <a:lnTo>
                    <a:pt x="0" y="39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7" name="Freeform 111"/>
            <p:cNvSpPr>
              <a:spLocks noChangeArrowheads="1"/>
            </p:cNvSpPr>
            <p:nvPr/>
          </p:nvSpPr>
          <p:spPr bwMode="auto">
            <a:xfrm>
              <a:off x="237098" y="74873"/>
              <a:ext cx="109814" cy="114806"/>
            </a:xfrm>
            <a:custGeom>
              <a:avLst/>
              <a:gdLst>
                <a:gd name="T0" fmla="*/ 92344 w 44"/>
                <a:gd name="T1" fmla="*/ 0 h 46"/>
                <a:gd name="T2" fmla="*/ 0 w 44"/>
                <a:gd name="T3" fmla="*/ 97336 h 46"/>
                <a:gd name="T4" fmla="*/ 14975 w 44"/>
                <a:gd name="T5" fmla="*/ 114806 h 46"/>
                <a:gd name="T6" fmla="*/ 109814 w 44"/>
                <a:gd name="T7" fmla="*/ 19966 h 46"/>
                <a:gd name="T8" fmla="*/ 92344 w 44"/>
                <a:gd name="T9" fmla="*/ 0 h 4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4"/>
                <a:gd name="T16" fmla="*/ 0 h 46"/>
                <a:gd name="T17" fmla="*/ 44 w 44"/>
                <a:gd name="T18" fmla="*/ 46 h 4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4" h="46">
                  <a:moveTo>
                    <a:pt x="37" y="0"/>
                  </a:moveTo>
                  <a:lnTo>
                    <a:pt x="0" y="39"/>
                  </a:lnTo>
                  <a:lnTo>
                    <a:pt x="6" y="46"/>
                  </a:lnTo>
                  <a:lnTo>
                    <a:pt x="44" y="8"/>
                  </a:lnTo>
                  <a:lnTo>
                    <a:pt x="37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8" name="Freeform 112"/>
            <p:cNvSpPr>
              <a:spLocks noChangeArrowheads="1"/>
            </p:cNvSpPr>
            <p:nvPr/>
          </p:nvSpPr>
          <p:spPr bwMode="auto">
            <a:xfrm>
              <a:off x="217132" y="59898"/>
              <a:ext cx="104823" cy="104823"/>
            </a:xfrm>
            <a:custGeom>
              <a:avLst/>
              <a:gdLst>
                <a:gd name="T0" fmla="*/ 0 w 42"/>
                <a:gd name="T1" fmla="*/ 94840 h 42"/>
                <a:gd name="T2" fmla="*/ 9983 w 42"/>
                <a:gd name="T3" fmla="*/ 104823 h 42"/>
                <a:gd name="T4" fmla="*/ 104823 w 42"/>
                <a:gd name="T5" fmla="*/ 9983 h 42"/>
                <a:gd name="T6" fmla="*/ 94840 w 42"/>
                <a:gd name="T7" fmla="*/ 0 h 42"/>
                <a:gd name="T8" fmla="*/ 0 w 42"/>
                <a:gd name="T9" fmla="*/ 94840 h 42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42"/>
                <a:gd name="T16" fmla="*/ 0 h 42"/>
                <a:gd name="T17" fmla="*/ 42 w 42"/>
                <a:gd name="T18" fmla="*/ 42 h 42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42" h="42">
                  <a:moveTo>
                    <a:pt x="0" y="38"/>
                  </a:moveTo>
                  <a:lnTo>
                    <a:pt x="4" y="42"/>
                  </a:lnTo>
                  <a:lnTo>
                    <a:pt x="42" y="4"/>
                  </a:lnTo>
                  <a:lnTo>
                    <a:pt x="38" y="0"/>
                  </a:lnTo>
                  <a:lnTo>
                    <a:pt x="0" y="38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69" name="Freeform 113"/>
            <p:cNvSpPr>
              <a:spLocks noChangeArrowheads="1"/>
            </p:cNvSpPr>
            <p:nvPr/>
          </p:nvSpPr>
          <p:spPr bwMode="auto">
            <a:xfrm>
              <a:off x="189679" y="162226"/>
              <a:ext cx="69882" cy="69882"/>
            </a:xfrm>
            <a:custGeom>
              <a:avLst/>
              <a:gdLst>
                <a:gd name="T0" fmla="*/ 69882 w 28"/>
                <a:gd name="T1" fmla="*/ 49916 h 28"/>
                <a:gd name="T2" fmla="*/ 19966 w 28"/>
                <a:gd name="T3" fmla="*/ 0 h 28"/>
                <a:gd name="T4" fmla="*/ 0 w 28"/>
                <a:gd name="T5" fmla="*/ 49916 h 28"/>
                <a:gd name="T6" fmla="*/ 22462 w 28"/>
                <a:gd name="T7" fmla="*/ 69882 h 28"/>
                <a:gd name="T8" fmla="*/ 69882 w 28"/>
                <a:gd name="T9" fmla="*/ 49916 h 2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8"/>
                <a:gd name="T16" fmla="*/ 0 h 28"/>
                <a:gd name="T17" fmla="*/ 28 w 28"/>
                <a:gd name="T18" fmla="*/ 28 h 2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8" h="28">
                  <a:moveTo>
                    <a:pt x="28" y="20"/>
                  </a:moveTo>
                  <a:lnTo>
                    <a:pt x="8" y="0"/>
                  </a:lnTo>
                  <a:lnTo>
                    <a:pt x="0" y="20"/>
                  </a:lnTo>
                  <a:lnTo>
                    <a:pt x="9" y="28"/>
                  </a:lnTo>
                  <a:lnTo>
                    <a:pt x="28" y="2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0" name="Freeform 114"/>
            <p:cNvSpPr>
              <a:spLocks noChangeArrowheads="1"/>
            </p:cNvSpPr>
            <p:nvPr/>
          </p:nvSpPr>
          <p:spPr bwMode="auto">
            <a:xfrm>
              <a:off x="172208" y="219628"/>
              <a:ext cx="34941" cy="32446"/>
            </a:xfrm>
            <a:custGeom>
              <a:avLst/>
              <a:gdLst>
                <a:gd name="T0" fmla="*/ 0 w 14"/>
                <a:gd name="T1" fmla="*/ 32446 h 13"/>
                <a:gd name="T2" fmla="*/ 34941 w 14"/>
                <a:gd name="T3" fmla="*/ 14975 h 13"/>
                <a:gd name="T4" fmla="*/ 14975 w 14"/>
                <a:gd name="T5" fmla="*/ 0 h 13"/>
                <a:gd name="T6" fmla="*/ 0 w 14"/>
                <a:gd name="T7" fmla="*/ 32446 h 13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14"/>
                <a:gd name="T13" fmla="*/ 0 h 13"/>
                <a:gd name="T14" fmla="*/ 14 w 14"/>
                <a:gd name="T15" fmla="*/ 13 h 13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14" h="13">
                  <a:moveTo>
                    <a:pt x="0" y="13"/>
                  </a:moveTo>
                  <a:lnTo>
                    <a:pt x="14" y="6"/>
                  </a:lnTo>
                  <a:lnTo>
                    <a:pt x="6" y="0"/>
                  </a:lnTo>
                  <a:lnTo>
                    <a:pt x="0" y="1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1" name="Freeform 115"/>
            <p:cNvSpPr>
              <a:spLocks noChangeArrowheads="1"/>
            </p:cNvSpPr>
            <p:nvPr/>
          </p:nvSpPr>
          <p:spPr bwMode="auto">
            <a:xfrm>
              <a:off x="319460" y="34941"/>
              <a:ext cx="69882" cy="69882"/>
            </a:xfrm>
            <a:custGeom>
              <a:avLst/>
              <a:gdLst>
                <a:gd name="T0" fmla="*/ 17471 w 28"/>
                <a:gd name="T1" fmla="*/ 0 h 28"/>
                <a:gd name="T2" fmla="*/ 0 w 28"/>
                <a:gd name="T3" fmla="*/ 19966 h 28"/>
                <a:gd name="T4" fmla="*/ 49916 w 28"/>
                <a:gd name="T5" fmla="*/ 69882 h 28"/>
                <a:gd name="T6" fmla="*/ 69882 w 28"/>
                <a:gd name="T7" fmla="*/ 49916 h 28"/>
                <a:gd name="T8" fmla="*/ 17471 w 28"/>
                <a:gd name="T9" fmla="*/ 0 h 2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28"/>
                <a:gd name="T16" fmla="*/ 0 h 28"/>
                <a:gd name="T17" fmla="*/ 28 w 28"/>
                <a:gd name="T18" fmla="*/ 28 h 2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28" h="28">
                  <a:moveTo>
                    <a:pt x="7" y="0"/>
                  </a:moveTo>
                  <a:lnTo>
                    <a:pt x="0" y="8"/>
                  </a:lnTo>
                  <a:lnTo>
                    <a:pt x="20" y="28"/>
                  </a:lnTo>
                  <a:lnTo>
                    <a:pt x="28" y="20"/>
                  </a:lnTo>
                  <a:lnTo>
                    <a:pt x="7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2" name="Freeform 116"/>
            <p:cNvSpPr>
              <a:spLocks noChangeArrowheads="1"/>
            </p:cNvSpPr>
            <p:nvPr/>
          </p:nvSpPr>
          <p:spPr bwMode="auto">
            <a:xfrm>
              <a:off x="0" y="0"/>
              <a:ext cx="279527" cy="339426"/>
            </a:xfrm>
            <a:custGeom>
              <a:avLst/>
              <a:gdLst>
                <a:gd name="T0" fmla="*/ 259561 w 112"/>
                <a:gd name="T1" fmla="*/ 252074 h 136"/>
                <a:gd name="T2" fmla="*/ 207149 w 112"/>
                <a:gd name="T3" fmla="*/ 252074 h 136"/>
                <a:gd name="T4" fmla="*/ 207149 w 112"/>
                <a:gd name="T5" fmla="*/ 321956 h 136"/>
                <a:gd name="T6" fmla="*/ 17470 w 112"/>
                <a:gd name="T7" fmla="*/ 321956 h 136"/>
                <a:gd name="T8" fmla="*/ 17470 w 112"/>
                <a:gd name="T9" fmla="*/ 79865 h 136"/>
                <a:gd name="T10" fmla="*/ 259561 w 112"/>
                <a:gd name="T11" fmla="*/ 79865 h 136"/>
                <a:gd name="T12" fmla="*/ 259561 w 112"/>
                <a:gd name="T13" fmla="*/ 99831 h 136"/>
                <a:gd name="T14" fmla="*/ 279527 w 112"/>
                <a:gd name="T15" fmla="*/ 79865 h 136"/>
                <a:gd name="T16" fmla="*/ 279527 w 112"/>
                <a:gd name="T17" fmla="*/ 14975 h 136"/>
                <a:gd name="T18" fmla="*/ 242090 w 112"/>
                <a:gd name="T19" fmla="*/ 14975 h 136"/>
                <a:gd name="T20" fmla="*/ 242090 w 112"/>
                <a:gd name="T21" fmla="*/ 49916 h 136"/>
                <a:gd name="T22" fmla="*/ 237099 w 112"/>
                <a:gd name="T23" fmla="*/ 49916 h 136"/>
                <a:gd name="T24" fmla="*/ 237099 w 112"/>
                <a:gd name="T25" fmla="*/ 0 h 136"/>
                <a:gd name="T26" fmla="*/ 222124 w 112"/>
                <a:gd name="T27" fmla="*/ 0 h 136"/>
                <a:gd name="T28" fmla="*/ 222124 w 112"/>
                <a:gd name="T29" fmla="*/ 49916 h 136"/>
                <a:gd name="T30" fmla="*/ 217133 w 112"/>
                <a:gd name="T31" fmla="*/ 49916 h 136"/>
                <a:gd name="T32" fmla="*/ 217133 w 112"/>
                <a:gd name="T33" fmla="*/ 14975 h 136"/>
                <a:gd name="T34" fmla="*/ 197166 w 112"/>
                <a:gd name="T35" fmla="*/ 14975 h 136"/>
                <a:gd name="T36" fmla="*/ 197166 w 112"/>
                <a:gd name="T37" fmla="*/ 49916 h 136"/>
                <a:gd name="T38" fmla="*/ 189679 w 112"/>
                <a:gd name="T39" fmla="*/ 49916 h 136"/>
                <a:gd name="T40" fmla="*/ 189679 w 112"/>
                <a:gd name="T41" fmla="*/ 0 h 136"/>
                <a:gd name="T42" fmla="*/ 179696 w 112"/>
                <a:gd name="T43" fmla="*/ 0 h 136"/>
                <a:gd name="T44" fmla="*/ 179696 w 112"/>
                <a:gd name="T45" fmla="*/ 49916 h 136"/>
                <a:gd name="T46" fmla="*/ 169713 w 112"/>
                <a:gd name="T47" fmla="*/ 49916 h 136"/>
                <a:gd name="T48" fmla="*/ 169713 w 112"/>
                <a:gd name="T49" fmla="*/ 14975 h 136"/>
                <a:gd name="T50" fmla="*/ 149747 w 112"/>
                <a:gd name="T51" fmla="*/ 14975 h 136"/>
                <a:gd name="T52" fmla="*/ 149747 w 112"/>
                <a:gd name="T53" fmla="*/ 49916 h 136"/>
                <a:gd name="T54" fmla="*/ 142259 w 112"/>
                <a:gd name="T55" fmla="*/ 49916 h 136"/>
                <a:gd name="T56" fmla="*/ 142259 w 112"/>
                <a:gd name="T57" fmla="*/ 0 h 136"/>
                <a:gd name="T58" fmla="*/ 132276 w 112"/>
                <a:gd name="T59" fmla="*/ 0 h 136"/>
                <a:gd name="T60" fmla="*/ 132276 w 112"/>
                <a:gd name="T61" fmla="*/ 49916 h 136"/>
                <a:gd name="T62" fmla="*/ 127285 w 112"/>
                <a:gd name="T63" fmla="*/ 49916 h 136"/>
                <a:gd name="T64" fmla="*/ 127285 w 112"/>
                <a:gd name="T65" fmla="*/ 14975 h 136"/>
                <a:gd name="T66" fmla="*/ 107318 w 112"/>
                <a:gd name="T67" fmla="*/ 14975 h 136"/>
                <a:gd name="T68" fmla="*/ 107318 w 112"/>
                <a:gd name="T69" fmla="*/ 49916 h 136"/>
                <a:gd name="T70" fmla="*/ 99831 w 112"/>
                <a:gd name="T71" fmla="*/ 49916 h 136"/>
                <a:gd name="T72" fmla="*/ 99831 w 112"/>
                <a:gd name="T73" fmla="*/ 0 h 136"/>
                <a:gd name="T74" fmla="*/ 87352 w 112"/>
                <a:gd name="T75" fmla="*/ 0 h 136"/>
                <a:gd name="T76" fmla="*/ 87352 w 112"/>
                <a:gd name="T77" fmla="*/ 49916 h 136"/>
                <a:gd name="T78" fmla="*/ 79865 w 112"/>
                <a:gd name="T79" fmla="*/ 49916 h 136"/>
                <a:gd name="T80" fmla="*/ 79865 w 112"/>
                <a:gd name="T81" fmla="*/ 14975 h 136"/>
                <a:gd name="T82" fmla="*/ 62394 w 112"/>
                <a:gd name="T83" fmla="*/ 14975 h 136"/>
                <a:gd name="T84" fmla="*/ 62394 w 112"/>
                <a:gd name="T85" fmla="*/ 49916 h 136"/>
                <a:gd name="T86" fmla="*/ 57403 w 112"/>
                <a:gd name="T87" fmla="*/ 49916 h 136"/>
                <a:gd name="T88" fmla="*/ 57403 w 112"/>
                <a:gd name="T89" fmla="*/ 0 h 136"/>
                <a:gd name="T90" fmla="*/ 42428 w 112"/>
                <a:gd name="T91" fmla="*/ 0 h 136"/>
                <a:gd name="T92" fmla="*/ 42428 w 112"/>
                <a:gd name="T93" fmla="*/ 49916 h 136"/>
                <a:gd name="T94" fmla="*/ 37437 w 112"/>
                <a:gd name="T95" fmla="*/ 49916 h 136"/>
                <a:gd name="T96" fmla="*/ 37437 w 112"/>
                <a:gd name="T97" fmla="*/ 14975 h 136"/>
                <a:gd name="T98" fmla="*/ 0 w 112"/>
                <a:gd name="T99" fmla="*/ 14975 h 136"/>
                <a:gd name="T100" fmla="*/ 0 w 112"/>
                <a:gd name="T101" fmla="*/ 59899 h 136"/>
                <a:gd name="T102" fmla="*/ 0 w 112"/>
                <a:gd name="T103" fmla="*/ 69882 h 136"/>
                <a:gd name="T104" fmla="*/ 0 w 112"/>
                <a:gd name="T105" fmla="*/ 339426 h 136"/>
                <a:gd name="T106" fmla="*/ 222124 w 112"/>
                <a:gd name="T107" fmla="*/ 339426 h 136"/>
                <a:gd name="T108" fmla="*/ 279527 w 112"/>
                <a:gd name="T109" fmla="*/ 274536 h 136"/>
                <a:gd name="T110" fmla="*/ 279527 w 112"/>
                <a:gd name="T111" fmla="*/ 209645 h 136"/>
                <a:gd name="T112" fmla="*/ 259561 w 112"/>
                <a:gd name="T113" fmla="*/ 229612 h 136"/>
                <a:gd name="T114" fmla="*/ 259561 w 112"/>
                <a:gd name="T115" fmla="*/ 252074 h 136"/>
                <a:gd name="T116" fmla="*/ 0 60000 65536"/>
                <a:gd name="T117" fmla="*/ 0 60000 65536"/>
                <a:gd name="T118" fmla="*/ 0 60000 65536"/>
                <a:gd name="T119" fmla="*/ 0 60000 65536"/>
                <a:gd name="T120" fmla="*/ 0 60000 65536"/>
                <a:gd name="T121" fmla="*/ 0 60000 65536"/>
                <a:gd name="T122" fmla="*/ 0 60000 65536"/>
                <a:gd name="T123" fmla="*/ 0 60000 65536"/>
                <a:gd name="T124" fmla="*/ 0 60000 65536"/>
                <a:gd name="T125" fmla="*/ 0 60000 65536"/>
                <a:gd name="T126" fmla="*/ 0 60000 65536"/>
                <a:gd name="T127" fmla="*/ 0 60000 65536"/>
                <a:gd name="T128" fmla="*/ 0 60000 65536"/>
                <a:gd name="T129" fmla="*/ 0 60000 65536"/>
                <a:gd name="T130" fmla="*/ 0 60000 65536"/>
                <a:gd name="T131" fmla="*/ 0 60000 65536"/>
                <a:gd name="T132" fmla="*/ 0 60000 65536"/>
                <a:gd name="T133" fmla="*/ 0 60000 65536"/>
                <a:gd name="T134" fmla="*/ 0 60000 65536"/>
                <a:gd name="T135" fmla="*/ 0 60000 65536"/>
                <a:gd name="T136" fmla="*/ 0 60000 65536"/>
                <a:gd name="T137" fmla="*/ 0 60000 65536"/>
                <a:gd name="T138" fmla="*/ 0 60000 65536"/>
                <a:gd name="T139" fmla="*/ 0 60000 65536"/>
                <a:gd name="T140" fmla="*/ 0 60000 65536"/>
                <a:gd name="T141" fmla="*/ 0 60000 65536"/>
                <a:gd name="T142" fmla="*/ 0 60000 65536"/>
                <a:gd name="T143" fmla="*/ 0 60000 65536"/>
                <a:gd name="T144" fmla="*/ 0 60000 65536"/>
                <a:gd name="T145" fmla="*/ 0 60000 65536"/>
                <a:gd name="T146" fmla="*/ 0 60000 65536"/>
                <a:gd name="T147" fmla="*/ 0 60000 65536"/>
                <a:gd name="T148" fmla="*/ 0 60000 65536"/>
                <a:gd name="T149" fmla="*/ 0 60000 65536"/>
                <a:gd name="T150" fmla="*/ 0 60000 65536"/>
                <a:gd name="T151" fmla="*/ 0 60000 65536"/>
                <a:gd name="T152" fmla="*/ 0 60000 65536"/>
                <a:gd name="T153" fmla="*/ 0 60000 65536"/>
                <a:gd name="T154" fmla="*/ 0 60000 65536"/>
                <a:gd name="T155" fmla="*/ 0 60000 65536"/>
                <a:gd name="T156" fmla="*/ 0 60000 65536"/>
                <a:gd name="T157" fmla="*/ 0 60000 65536"/>
                <a:gd name="T158" fmla="*/ 0 60000 65536"/>
                <a:gd name="T159" fmla="*/ 0 60000 65536"/>
                <a:gd name="T160" fmla="*/ 0 60000 65536"/>
                <a:gd name="T161" fmla="*/ 0 60000 65536"/>
                <a:gd name="T162" fmla="*/ 0 60000 65536"/>
                <a:gd name="T163" fmla="*/ 0 60000 65536"/>
                <a:gd name="T164" fmla="*/ 0 60000 65536"/>
                <a:gd name="T165" fmla="*/ 0 60000 65536"/>
                <a:gd name="T166" fmla="*/ 0 60000 65536"/>
                <a:gd name="T167" fmla="*/ 0 60000 65536"/>
                <a:gd name="T168" fmla="*/ 0 60000 65536"/>
                <a:gd name="T169" fmla="*/ 0 60000 65536"/>
                <a:gd name="T170" fmla="*/ 0 60000 65536"/>
                <a:gd name="T171" fmla="*/ 0 60000 65536"/>
                <a:gd name="T172" fmla="*/ 0 60000 65536"/>
                <a:gd name="T173" fmla="*/ 0 60000 65536"/>
                <a:gd name="T174" fmla="*/ 0 w 112"/>
                <a:gd name="T175" fmla="*/ 0 h 136"/>
                <a:gd name="T176" fmla="*/ 112 w 112"/>
                <a:gd name="T177" fmla="*/ 136 h 136"/>
              </a:gdLst>
              <a:ahLst/>
              <a:cxnLst>
                <a:cxn ang="T116">
                  <a:pos x="T0" y="T1"/>
                </a:cxn>
                <a:cxn ang="T117">
                  <a:pos x="T2" y="T3"/>
                </a:cxn>
                <a:cxn ang="T118">
                  <a:pos x="T4" y="T5"/>
                </a:cxn>
                <a:cxn ang="T119">
                  <a:pos x="T6" y="T7"/>
                </a:cxn>
                <a:cxn ang="T120">
                  <a:pos x="T8" y="T9"/>
                </a:cxn>
                <a:cxn ang="T121">
                  <a:pos x="T10" y="T11"/>
                </a:cxn>
                <a:cxn ang="T122">
                  <a:pos x="T12" y="T13"/>
                </a:cxn>
                <a:cxn ang="T123">
                  <a:pos x="T14" y="T15"/>
                </a:cxn>
                <a:cxn ang="T124">
                  <a:pos x="T16" y="T17"/>
                </a:cxn>
                <a:cxn ang="T125">
                  <a:pos x="T18" y="T19"/>
                </a:cxn>
                <a:cxn ang="T126">
                  <a:pos x="T20" y="T21"/>
                </a:cxn>
                <a:cxn ang="T127">
                  <a:pos x="T22" y="T23"/>
                </a:cxn>
                <a:cxn ang="T128">
                  <a:pos x="T24" y="T25"/>
                </a:cxn>
                <a:cxn ang="T129">
                  <a:pos x="T26" y="T27"/>
                </a:cxn>
                <a:cxn ang="T130">
                  <a:pos x="T28" y="T29"/>
                </a:cxn>
                <a:cxn ang="T131">
                  <a:pos x="T30" y="T31"/>
                </a:cxn>
                <a:cxn ang="T132">
                  <a:pos x="T32" y="T33"/>
                </a:cxn>
                <a:cxn ang="T133">
                  <a:pos x="T34" y="T35"/>
                </a:cxn>
                <a:cxn ang="T134">
                  <a:pos x="T36" y="T37"/>
                </a:cxn>
                <a:cxn ang="T135">
                  <a:pos x="T38" y="T39"/>
                </a:cxn>
                <a:cxn ang="T136">
                  <a:pos x="T40" y="T41"/>
                </a:cxn>
                <a:cxn ang="T137">
                  <a:pos x="T42" y="T43"/>
                </a:cxn>
                <a:cxn ang="T138">
                  <a:pos x="T44" y="T45"/>
                </a:cxn>
                <a:cxn ang="T139">
                  <a:pos x="T46" y="T47"/>
                </a:cxn>
                <a:cxn ang="T140">
                  <a:pos x="T48" y="T49"/>
                </a:cxn>
                <a:cxn ang="T141">
                  <a:pos x="T50" y="T51"/>
                </a:cxn>
                <a:cxn ang="T142">
                  <a:pos x="T52" y="T53"/>
                </a:cxn>
                <a:cxn ang="T143">
                  <a:pos x="T54" y="T55"/>
                </a:cxn>
                <a:cxn ang="T144">
                  <a:pos x="T56" y="T57"/>
                </a:cxn>
                <a:cxn ang="T145">
                  <a:pos x="T58" y="T59"/>
                </a:cxn>
                <a:cxn ang="T146">
                  <a:pos x="T60" y="T61"/>
                </a:cxn>
                <a:cxn ang="T147">
                  <a:pos x="T62" y="T63"/>
                </a:cxn>
                <a:cxn ang="T148">
                  <a:pos x="T64" y="T65"/>
                </a:cxn>
                <a:cxn ang="T149">
                  <a:pos x="T66" y="T67"/>
                </a:cxn>
                <a:cxn ang="T150">
                  <a:pos x="T68" y="T69"/>
                </a:cxn>
                <a:cxn ang="T151">
                  <a:pos x="T70" y="T71"/>
                </a:cxn>
                <a:cxn ang="T152">
                  <a:pos x="T72" y="T73"/>
                </a:cxn>
                <a:cxn ang="T153">
                  <a:pos x="T74" y="T75"/>
                </a:cxn>
                <a:cxn ang="T154">
                  <a:pos x="T76" y="T77"/>
                </a:cxn>
                <a:cxn ang="T155">
                  <a:pos x="T78" y="T79"/>
                </a:cxn>
                <a:cxn ang="T156">
                  <a:pos x="T80" y="T81"/>
                </a:cxn>
                <a:cxn ang="T157">
                  <a:pos x="T82" y="T83"/>
                </a:cxn>
                <a:cxn ang="T158">
                  <a:pos x="T84" y="T85"/>
                </a:cxn>
                <a:cxn ang="T159">
                  <a:pos x="T86" y="T87"/>
                </a:cxn>
                <a:cxn ang="T160">
                  <a:pos x="T88" y="T89"/>
                </a:cxn>
                <a:cxn ang="T161">
                  <a:pos x="T90" y="T91"/>
                </a:cxn>
                <a:cxn ang="T162">
                  <a:pos x="T92" y="T93"/>
                </a:cxn>
                <a:cxn ang="T163">
                  <a:pos x="T94" y="T95"/>
                </a:cxn>
                <a:cxn ang="T164">
                  <a:pos x="T96" y="T97"/>
                </a:cxn>
                <a:cxn ang="T165">
                  <a:pos x="T98" y="T99"/>
                </a:cxn>
                <a:cxn ang="T166">
                  <a:pos x="T100" y="T101"/>
                </a:cxn>
                <a:cxn ang="T167">
                  <a:pos x="T102" y="T103"/>
                </a:cxn>
                <a:cxn ang="T168">
                  <a:pos x="T104" y="T105"/>
                </a:cxn>
                <a:cxn ang="T169">
                  <a:pos x="T106" y="T107"/>
                </a:cxn>
                <a:cxn ang="T170">
                  <a:pos x="T108" y="T109"/>
                </a:cxn>
                <a:cxn ang="T171">
                  <a:pos x="T110" y="T111"/>
                </a:cxn>
                <a:cxn ang="T172">
                  <a:pos x="T112" y="T113"/>
                </a:cxn>
                <a:cxn ang="T173">
                  <a:pos x="T114" y="T115"/>
                </a:cxn>
              </a:cxnLst>
              <a:rect l="T174" t="T175" r="T176" b="T177"/>
              <a:pathLst>
                <a:path w="112" h="136">
                  <a:moveTo>
                    <a:pt x="104" y="101"/>
                  </a:moveTo>
                  <a:lnTo>
                    <a:pt x="83" y="101"/>
                  </a:lnTo>
                  <a:lnTo>
                    <a:pt x="83" y="129"/>
                  </a:lnTo>
                  <a:lnTo>
                    <a:pt x="7" y="129"/>
                  </a:lnTo>
                  <a:lnTo>
                    <a:pt x="7" y="32"/>
                  </a:lnTo>
                  <a:lnTo>
                    <a:pt x="104" y="32"/>
                  </a:lnTo>
                  <a:lnTo>
                    <a:pt x="104" y="40"/>
                  </a:lnTo>
                  <a:lnTo>
                    <a:pt x="112" y="32"/>
                  </a:lnTo>
                  <a:lnTo>
                    <a:pt x="112" y="6"/>
                  </a:lnTo>
                  <a:lnTo>
                    <a:pt x="97" y="6"/>
                  </a:lnTo>
                  <a:lnTo>
                    <a:pt x="97" y="20"/>
                  </a:lnTo>
                  <a:lnTo>
                    <a:pt x="95" y="20"/>
                  </a:lnTo>
                  <a:lnTo>
                    <a:pt x="95" y="0"/>
                  </a:lnTo>
                  <a:lnTo>
                    <a:pt x="89" y="0"/>
                  </a:lnTo>
                  <a:lnTo>
                    <a:pt x="89" y="20"/>
                  </a:lnTo>
                  <a:lnTo>
                    <a:pt x="87" y="20"/>
                  </a:lnTo>
                  <a:lnTo>
                    <a:pt x="87" y="6"/>
                  </a:lnTo>
                  <a:lnTo>
                    <a:pt x="79" y="6"/>
                  </a:lnTo>
                  <a:lnTo>
                    <a:pt x="79" y="20"/>
                  </a:lnTo>
                  <a:lnTo>
                    <a:pt x="76" y="20"/>
                  </a:lnTo>
                  <a:lnTo>
                    <a:pt x="76" y="0"/>
                  </a:lnTo>
                  <a:lnTo>
                    <a:pt x="72" y="0"/>
                  </a:lnTo>
                  <a:lnTo>
                    <a:pt x="72" y="20"/>
                  </a:lnTo>
                  <a:lnTo>
                    <a:pt x="68" y="20"/>
                  </a:lnTo>
                  <a:lnTo>
                    <a:pt x="68" y="6"/>
                  </a:lnTo>
                  <a:lnTo>
                    <a:pt x="60" y="6"/>
                  </a:lnTo>
                  <a:lnTo>
                    <a:pt x="60" y="20"/>
                  </a:lnTo>
                  <a:lnTo>
                    <a:pt x="57" y="20"/>
                  </a:lnTo>
                  <a:lnTo>
                    <a:pt x="57" y="0"/>
                  </a:lnTo>
                  <a:lnTo>
                    <a:pt x="53" y="0"/>
                  </a:lnTo>
                  <a:lnTo>
                    <a:pt x="53" y="20"/>
                  </a:lnTo>
                  <a:lnTo>
                    <a:pt x="51" y="20"/>
                  </a:lnTo>
                  <a:lnTo>
                    <a:pt x="51" y="6"/>
                  </a:lnTo>
                  <a:lnTo>
                    <a:pt x="43" y="6"/>
                  </a:lnTo>
                  <a:lnTo>
                    <a:pt x="43" y="20"/>
                  </a:lnTo>
                  <a:lnTo>
                    <a:pt x="40" y="20"/>
                  </a:lnTo>
                  <a:lnTo>
                    <a:pt x="40" y="0"/>
                  </a:lnTo>
                  <a:lnTo>
                    <a:pt x="35" y="0"/>
                  </a:lnTo>
                  <a:lnTo>
                    <a:pt x="35" y="20"/>
                  </a:lnTo>
                  <a:lnTo>
                    <a:pt x="32" y="20"/>
                  </a:lnTo>
                  <a:lnTo>
                    <a:pt x="32" y="6"/>
                  </a:lnTo>
                  <a:lnTo>
                    <a:pt x="25" y="6"/>
                  </a:lnTo>
                  <a:lnTo>
                    <a:pt x="25" y="20"/>
                  </a:lnTo>
                  <a:lnTo>
                    <a:pt x="23" y="20"/>
                  </a:lnTo>
                  <a:lnTo>
                    <a:pt x="23" y="0"/>
                  </a:lnTo>
                  <a:lnTo>
                    <a:pt x="17" y="0"/>
                  </a:lnTo>
                  <a:lnTo>
                    <a:pt x="17" y="20"/>
                  </a:lnTo>
                  <a:lnTo>
                    <a:pt x="15" y="20"/>
                  </a:lnTo>
                  <a:lnTo>
                    <a:pt x="15" y="6"/>
                  </a:lnTo>
                  <a:lnTo>
                    <a:pt x="0" y="6"/>
                  </a:lnTo>
                  <a:lnTo>
                    <a:pt x="0" y="24"/>
                  </a:lnTo>
                  <a:lnTo>
                    <a:pt x="0" y="28"/>
                  </a:lnTo>
                  <a:lnTo>
                    <a:pt x="0" y="136"/>
                  </a:lnTo>
                  <a:lnTo>
                    <a:pt x="89" y="136"/>
                  </a:lnTo>
                  <a:lnTo>
                    <a:pt x="112" y="110"/>
                  </a:lnTo>
                  <a:lnTo>
                    <a:pt x="112" y="84"/>
                  </a:lnTo>
                  <a:lnTo>
                    <a:pt x="104" y="92"/>
                  </a:lnTo>
                  <a:lnTo>
                    <a:pt x="104" y="101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3" name="Rectangle 117"/>
            <p:cNvSpPr>
              <a:spLocks noChangeArrowheads="1"/>
            </p:cNvSpPr>
            <p:nvPr/>
          </p:nvSpPr>
          <p:spPr bwMode="auto">
            <a:xfrm>
              <a:off x="49916" y="114806"/>
              <a:ext cx="109814" cy="17471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4" name="Rectangle 118"/>
            <p:cNvSpPr>
              <a:spLocks noChangeArrowheads="1"/>
            </p:cNvSpPr>
            <p:nvPr/>
          </p:nvSpPr>
          <p:spPr bwMode="auto">
            <a:xfrm>
              <a:off x="49916" y="154738"/>
              <a:ext cx="109814" cy="17471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5" name="Rectangle 119"/>
            <p:cNvSpPr>
              <a:spLocks noChangeArrowheads="1"/>
            </p:cNvSpPr>
            <p:nvPr/>
          </p:nvSpPr>
          <p:spPr bwMode="auto">
            <a:xfrm>
              <a:off x="49916" y="199662"/>
              <a:ext cx="109814" cy="14975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6" name="Rectangle 120"/>
            <p:cNvSpPr>
              <a:spLocks noChangeArrowheads="1"/>
            </p:cNvSpPr>
            <p:nvPr/>
          </p:nvSpPr>
          <p:spPr bwMode="auto">
            <a:xfrm>
              <a:off x="49916" y="242091"/>
              <a:ext cx="109814" cy="17471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grpSp>
        <p:nvGrpSpPr>
          <p:cNvPr id="77" name="Group 35"/>
          <p:cNvGrpSpPr>
            <a:grpSpLocks/>
          </p:cNvGrpSpPr>
          <p:nvPr/>
        </p:nvGrpSpPr>
        <p:grpSpPr bwMode="auto">
          <a:xfrm>
            <a:off x="9130622" y="4546545"/>
            <a:ext cx="370262" cy="366780"/>
            <a:chOff x="0" y="0"/>
            <a:chExt cx="379359" cy="376864"/>
          </a:xfrm>
        </p:grpSpPr>
        <p:sp>
          <p:nvSpPr>
            <p:cNvPr id="78" name="Freeform 150"/>
            <p:cNvSpPr>
              <a:spLocks noEditPoints="1" noChangeArrowheads="1"/>
            </p:cNvSpPr>
            <p:nvPr/>
          </p:nvSpPr>
          <p:spPr bwMode="auto">
            <a:xfrm>
              <a:off x="0" y="0"/>
              <a:ext cx="379359" cy="376864"/>
            </a:xfrm>
            <a:custGeom>
              <a:avLst/>
              <a:gdLst>
                <a:gd name="T0" fmla="*/ 189680 w 114"/>
                <a:gd name="T1" fmla="*/ 0 h 114"/>
                <a:gd name="T2" fmla="*/ 0 w 114"/>
                <a:gd name="T3" fmla="*/ 188432 h 114"/>
                <a:gd name="T4" fmla="*/ 189680 w 114"/>
                <a:gd name="T5" fmla="*/ 376864 h 114"/>
                <a:gd name="T6" fmla="*/ 379359 w 114"/>
                <a:gd name="T7" fmla="*/ 188432 h 114"/>
                <a:gd name="T8" fmla="*/ 189680 w 114"/>
                <a:gd name="T9" fmla="*/ 0 h 114"/>
                <a:gd name="T10" fmla="*/ 189680 w 114"/>
                <a:gd name="T11" fmla="*/ 357029 h 114"/>
                <a:gd name="T12" fmla="*/ 19966 w 114"/>
                <a:gd name="T13" fmla="*/ 188432 h 114"/>
                <a:gd name="T14" fmla="*/ 189680 w 114"/>
                <a:gd name="T15" fmla="*/ 19835 h 114"/>
                <a:gd name="T16" fmla="*/ 359393 w 114"/>
                <a:gd name="T17" fmla="*/ 188432 h 114"/>
                <a:gd name="T18" fmla="*/ 189680 w 114"/>
                <a:gd name="T19" fmla="*/ 357029 h 114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w 114"/>
                <a:gd name="T31" fmla="*/ 0 h 114"/>
                <a:gd name="T32" fmla="*/ 114 w 114"/>
                <a:gd name="T33" fmla="*/ 114 h 114"/>
              </a:gdLst>
              <a:ahLst/>
              <a:cxnLst>
                <a:cxn ang="T20">
                  <a:pos x="T0" y="T1"/>
                </a:cxn>
                <a:cxn ang="T21">
                  <a:pos x="T2" y="T3"/>
                </a:cxn>
                <a:cxn ang="T22">
                  <a:pos x="T4" y="T5"/>
                </a:cxn>
                <a:cxn ang="T23">
                  <a:pos x="T6" y="T7"/>
                </a:cxn>
                <a:cxn ang="T24">
                  <a:pos x="T8" y="T9"/>
                </a:cxn>
                <a:cxn ang="T25">
                  <a:pos x="T10" y="T11"/>
                </a:cxn>
                <a:cxn ang="T26">
                  <a:pos x="T12" y="T13"/>
                </a:cxn>
                <a:cxn ang="T27">
                  <a:pos x="T14" y="T15"/>
                </a:cxn>
                <a:cxn ang="T28">
                  <a:pos x="T16" y="T17"/>
                </a:cxn>
                <a:cxn ang="T29">
                  <a:pos x="T18" y="T19"/>
                </a:cxn>
              </a:cxnLst>
              <a:rect l="T30" t="T31" r="T32" b="T33"/>
              <a:pathLst>
                <a:path w="114" h="114">
                  <a:moveTo>
                    <a:pt x="57" y="0"/>
                  </a:moveTo>
                  <a:cubicBezTo>
                    <a:pt x="25" y="0"/>
                    <a:pt x="0" y="25"/>
                    <a:pt x="0" y="57"/>
                  </a:cubicBezTo>
                  <a:cubicBezTo>
                    <a:pt x="0" y="89"/>
                    <a:pt x="25" y="114"/>
                    <a:pt x="57" y="114"/>
                  </a:cubicBezTo>
                  <a:cubicBezTo>
                    <a:pt x="89" y="114"/>
                    <a:pt x="114" y="89"/>
                    <a:pt x="114" y="57"/>
                  </a:cubicBezTo>
                  <a:cubicBezTo>
                    <a:pt x="114" y="25"/>
                    <a:pt x="89" y="0"/>
                    <a:pt x="57" y="0"/>
                  </a:cubicBezTo>
                  <a:close/>
                  <a:moveTo>
                    <a:pt x="57" y="108"/>
                  </a:moveTo>
                  <a:cubicBezTo>
                    <a:pt x="29" y="108"/>
                    <a:pt x="6" y="85"/>
                    <a:pt x="6" y="57"/>
                  </a:cubicBezTo>
                  <a:cubicBezTo>
                    <a:pt x="6" y="29"/>
                    <a:pt x="29" y="6"/>
                    <a:pt x="57" y="6"/>
                  </a:cubicBezTo>
                  <a:cubicBezTo>
                    <a:pt x="85" y="6"/>
                    <a:pt x="108" y="29"/>
                    <a:pt x="108" y="57"/>
                  </a:cubicBezTo>
                  <a:cubicBezTo>
                    <a:pt x="108" y="85"/>
                    <a:pt x="85" y="108"/>
                    <a:pt x="57" y="108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79" name="Rectangle 151"/>
            <p:cNvSpPr>
              <a:spLocks noChangeArrowheads="1"/>
            </p:cNvSpPr>
            <p:nvPr/>
          </p:nvSpPr>
          <p:spPr bwMode="auto">
            <a:xfrm>
              <a:off x="144756" y="272040"/>
              <a:ext cx="22463" cy="42429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0" name="Rectangle 152"/>
            <p:cNvSpPr>
              <a:spLocks noChangeArrowheads="1"/>
            </p:cNvSpPr>
            <p:nvPr/>
          </p:nvSpPr>
          <p:spPr bwMode="auto">
            <a:xfrm>
              <a:off x="179697" y="272040"/>
              <a:ext cx="19966" cy="42429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1" name="Rectangle 153"/>
            <p:cNvSpPr>
              <a:spLocks noChangeArrowheads="1"/>
            </p:cNvSpPr>
            <p:nvPr/>
          </p:nvSpPr>
          <p:spPr bwMode="auto">
            <a:xfrm>
              <a:off x="214638" y="272040"/>
              <a:ext cx="19966" cy="42429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2" name="Freeform 154"/>
            <p:cNvSpPr>
              <a:spLocks noChangeArrowheads="1"/>
            </p:cNvSpPr>
            <p:nvPr/>
          </p:nvSpPr>
          <p:spPr bwMode="auto">
            <a:xfrm>
              <a:off x="117303" y="107318"/>
              <a:ext cx="82362" cy="84857"/>
            </a:xfrm>
            <a:custGeom>
              <a:avLst/>
              <a:gdLst>
                <a:gd name="T0" fmla="*/ 62595 w 25"/>
                <a:gd name="T1" fmla="*/ 74674 h 25"/>
                <a:gd name="T2" fmla="*/ 72479 w 25"/>
                <a:gd name="T3" fmla="*/ 84857 h 25"/>
                <a:gd name="T4" fmla="*/ 82362 w 25"/>
                <a:gd name="T5" fmla="*/ 74674 h 25"/>
                <a:gd name="T6" fmla="*/ 72479 w 25"/>
                <a:gd name="T7" fmla="*/ 64491 h 25"/>
                <a:gd name="T8" fmla="*/ 69184 w 25"/>
                <a:gd name="T9" fmla="*/ 64491 h 25"/>
                <a:gd name="T10" fmla="*/ 0 w 25"/>
                <a:gd name="T11" fmla="*/ 0 h 25"/>
                <a:gd name="T12" fmla="*/ 62595 w 25"/>
                <a:gd name="T13" fmla="*/ 74674 h 25"/>
                <a:gd name="T14" fmla="*/ 62595 w 25"/>
                <a:gd name="T15" fmla="*/ 74674 h 25"/>
                <a:gd name="T16" fmla="*/ 0 60000 65536"/>
                <a:gd name="T17" fmla="*/ 0 60000 65536"/>
                <a:gd name="T18" fmla="*/ 0 60000 65536"/>
                <a:gd name="T19" fmla="*/ 0 60000 65536"/>
                <a:gd name="T20" fmla="*/ 0 60000 65536"/>
                <a:gd name="T21" fmla="*/ 0 60000 65536"/>
                <a:gd name="T22" fmla="*/ 0 60000 65536"/>
                <a:gd name="T23" fmla="*/ 0 60000 65536"/>
                <a:gd name="T24" fmla="*/ 0 w 25"/>
                <a:gd name="T25" fmla="*/ 0 h 25"/>
                <a:gd name="T26" fmla="*/ 25 w 25"/>
                <a:gd name="T27" fmla="*/ 25 h 25"/>
              </a:gdLst>
              <a:ahLst/>
              <a:cxnLst>
                <a:cxn ang="T16">
                  <a:pos x="T0" y="T1"/>
                </a:cxn>
                <a:cxn ang="T17">
                  <a:pos x="T2" y="T3"/>
                </a:cxn>
                <a:cxn ang="T18">
                  <a:pos x="T4" y="T5"/>
                </a:cxn>
                <a:cxn ang="T19">
                  <a:pos x="T6" y="T7"/>
                </a:cxn>
                <a:cxn ang="T20">
                  <a:pos x="T8" y="T9"/>
                </a:cxn>
                <a:cxn ang="T21">
                  <a:pos x="T10" y="T11"/>
                </a:cxn>
                <a:cxn ang="T22">
                  <a:pos x="T12" y="T13"/>
                </a:cxn>
                <a:cxn ang="T23">
                  <a:pos x="T14" y="T15"/>
                </a:cxn>
              </a:cxnLst>
              <a:rect l="T24" t="T25" r="T26" b="T27"/>
              <a:pathLst>
                <a:path w="25" h="25">
                  <a:moveTo>
                    <a:pt x="19" y="22"/>
                  </a:moveTo>
                  <a:cubicBezTo>
                    <a:pt x="19" y="24"/>
                    <a:pt x="20" y="25"/>
                    <a:pt x="22" y="25"/>
                  </a:cubicBezTo>
                  <a:cubicBezTo>
                    <a:pt x="24" y="25"/>
                    <a:pt x="25" y="24"/>
                    <a:pt x="25" y="22"/>
                  </a:cubicBezTo>
                  <a:cubicBezTo>
                    <a:pt x="25" y="21"/>
                    <a:pt x="24" y="19"/>
                    <a:pt x="22" y="19"/>
                  </a:cubicBezTo>
                  <a:cubicBezTo>
                    <a:pt x="22" y="19"/>
                    <a:pt x="22" y="19"/>
                    <a:pt x="21" y="19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9" y="22"/>
                    <a:pt x="19" y="22"/>
                    <a:pt x="19" y="22"/>
                  </a:cubicBezTo>
                  <a:cubicBezTo>
                    <a:pt x="19" y="22"/>
                    <a:pt x="19" y="22"/>
                    <a:pt x="19" y="22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3" name="Freeform 155"/>
            <p:cNvSpPr>
              <a:spLocks noChangeArrowheads="1"/>
            </p:cNvSpPr>
            <p:nvPr/>
          </p:nvSpPr>
          <p:spPr bwMode="auto">
            <a:xfrm>
              <a:off x="67387" y="272040"/>
              <a:ext cx="22463" cy="19966"/>
            </a:xfrm>
            <a:custGeom>
              <a:avLst/>
              <a:gdLst>
                <a:gd name="T0" fmla="*/ 0 w 9"/>
                <a:gd name="T1" fmla="*/ 14974 h 8"/>
                <a:gd name="T2" fmla="*/ 7488 w 9"/>
                <a:gd name="T3" fmla="*/ 19966 h 8"/>
                <a:gd name="T4" fmla="*/ 22463 w 9"/>
                <a:gd name="T5" fmla="*/ 2496 h 8"/>
                <a:gd name="T6" fmla="*/ 17471 w 9"/>
                <a:gd name="T7" fmla="*/ 0 h 8"/>
                <a:gd name="T8" fmla="*/ 0 w 9"/>
                <a:gd name="T9" fmla="*/ 14974 h 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9"/>
                <a:gd name="T16" fmla="*/ 0 h 8"/>
                <a:gd name="T17" fmla="*/ 9 w 9"/>
                <a:gd name="T18" fmla="*/ 8 h 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9" h="8">
                  <a:moveTo>
                    <a:pt x="0" y="6"/>
                  </a:moveTo>
                  <a:lnTo>
                    <a:pt x="3" y="8"/>
                  </a:lnTo>
                  <a:lnTo>
                    <a:pt x="9" y="1"/>
                  </a:lnTo>
                  <a:lnTo>
                    <a:pt x="7" y="0"/>
                  </a:lnTo>
                  <a:lnTo>
                    <a:pt x="0" y="6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4" name="Freeform 156"/>
            <p:cNvSpPr>
              <a:spLocks noChangeArrowheads="1"/>
            </p:cNvSpPr>
            <p:nvPr/>
          </p:nvSpPr>
          <p:spPr bwMode="auto">
            <a:xfrm>
              <a:off x="47421" y="227116"/>
              <a:ext cx="27454" cy="14975"/>
            </a:xfrm>
            <a:custGeom>
              <a:avLst/>
              <a:gdLst>
                <a:gd name="T0" fmla="*/ 22462 w 11"/>
                <a:gd name="T1" fmla="*/ 0 h 6"/>
                <a:gd name="T2" fmla="*/ 0 w 11"/>
                <a:gd name="T3" fmla="*/ 7488 h 6"/>
                <a:gd name="T4" fmla="*/ 2496 w 11"/>
                <a:gd name="T5" fmla="*/ 14975 h 6"/>
                <a:gd name="T6" fmla="*/ 27454 w 11"/>
                <a:gd name="T7" fmla="*/ 7488 h 6"/>
                <a:gd name="T8" fmla="*/ 22462 w 11"/>
                <a:gd name="T9" fmla="*/ 0 h 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1"/>
                <a:gd name="T16" fmla="*/ 0 h 6"/>
                <a:gd name="T17" fmla="*/ 11 w 11"/>
                <a:gd name="T18" fmla="*/ 6 h 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1" h="6">
                  <a:moveTo>
                    <a:pt x="9" y="0"/>
                  </a:moveTo>
                  <a:lnTo>
                    <a:pt x="0" y="3"/>
                  </a:lnTo>
                  <a:lnTo>
                    <a:pt x="1" y="6"/>
                  </a:lnTo>
                  <a:lnTo>
                    <a:pt x="11" y="3"/>
                  </a:lnTo>
                  <a:lnTo>
                    <a:pt x="9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5" name="Freeform 157"/>
            <p:cNvSpPr>
              <a:spLocks noChangeArrowheads="1"/>
            </p:cNvSpPr>
            <p:nvPr/>
          </p:nvSpPr>
          <p:spPr bwMode="auto">
            <a:xfrm>
              <a:off x="79865" y="74874"/>
              <a:ext cx="19966" cy="22463"/>
            </a:xfrm>
            <a:custGeom>
              <a:avLst/>
              <a:gdLst>
                <a:gd name="T0" fmla="*/ 0 w 8"/>
                <a:gd name="T1" fmla="*/ 7488 h 9"/>
                <a:gd name="T2" fmla="*/ 17470 w 8"/>
                <a:gd name="T3" fmla="*/ 22463 h 9"/>
                <a:gd name="T4" fmla="*/ 19966 w 8"/>
                <a:gd name="T5" fmla="*/ 17471 h 9"/>
                <a:gd name="T6" fmla="*/ 4992 w 8"/>
                <a:gd name="T7" fmla="*/ 0 h 9"/>
                <a:gd name="T8" fmla="*/ 0 w 8"/>
                <a:gd name="T9" fmla="*/ 7488 h 9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8"/>
                <a:gd name="T16" fmla="*/ 0 h 9"/>
                <a:gd name="T17" fmla="*/ 8 w 8"/>
                <a:gd name="T18" fmla="*/ 9 h 9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8" h="9">
                  <a:moveTo>
                    <a:pt x="0" y="3"/>
                  </a:moveTo>
                  <a:lnTo>
                    <a:pt x="7" y="9"/>
                  </a:lnTo>
                  <a:lnTo>
                    <a:pt x="8" y="7"/>
                  </a:lnTo>
                  <a:lnTo>
                    <a:pt x="2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6" name="Freeform 158"/>
            <p:cNvSpPr>
              <a:spLocks noChangeArrowheads="1"/>
            </p:cNvSpPr>
            <p:nvPr/>
          </p:nvSpPr>
          <p:spPr bwMode="auto">
            <a:xfrm>
              <a:off x="49916" y="124789"/>
              <a:ext cx="27454" cy="12480"/>
            </a:xfrm>
            <a:custGeom>
              <a:avLst/>
              <a:gdLst>
                <a:gd name="T0" fmla="*/ 27454 w 11"/>
                <a:gd name="T1" fmla="*/ 7488 h 5"/>
                <a:gd name="T2" fmla="*/ 4992 w 11"/>
                <a:gd name="T3" fmla="*/ 0 h 5"/>
                <a:gd name="T4" fmla="*/ 0 w 11"/>
                <a:gd name="T5" fmla="*/ 7488 h 5"/>
                <a:gd name="T6" fmla="*/ 24958 w 11"/>
                <a:gd name="T7" fmla="*/ 12480 h 5"/>
                <a:gd name="T8" fmla="*/ 27454 w 11"/>
                <a:gd name="T9" fmla="*/ 7488 h 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1"/>
                <a:gd name="T16" fmla="*/ 0 h 5"/>
                <a:gd name="T17" fmla="*/ 11 w 11"/>
                <a:gd name="T18" fmla="*/ 5 h 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1" h="5">
                  <a:moveTo>
                    <a:pt x="11" y="3"/>
                  </a:moveTo>
                  <a:lnTo>
                    <a:pt x="2" y="0"/>
                  </a:lnTo>
                  <a:lnTo>
                    <a:pt x="0" y="3"/>
                  </a:lnTo>
                  <a:lnTo>
                    <a:pt x="10" y="5"/>
                  </a:lnTo>
                  <a:lnTo>
                    <a:pt x="11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7" name="Rectangle 159"/>
            <p:cNvSpPr>
              <a:spLocks noChangeArrowheads="1"/>
            </p:cNvSpPr>
            <p:nvPr/>
          </p:nvSpPr>
          <p:spPr bwMode="auto">
            <a:xfrm>
              <a:off x="187185" y="34941"/>
              <a:ext cx="7488" cy="22463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8" name="Freeform 160"/>
            <p:cNvSpPr>
              <a:spLocks noChangeArrowheads="1"/>
            </p:cNvSpPr>
            <p:nvPr/>
          </p:nvSpPr>
          <p:spPr bwMode="auto">
            <a:xfrm>
              <a:off x="119798" y="44924"/>
              <a:ext cx="17471" cy="22463"/>
            </a:xfrm>
            <a:custGeom>
              <a:avLst/>
              <a:gdLst>
                <a:gd name="T0" fmla="*/ 17471 w 7"/>
                <a:gd name="T1" fmla="*/ 19967 h 9"/>
                <a:gd name="T2" fmla="*/ 7488 w 7"/>
                <a:gd name="T3" fmla="*/ 0 h 9"/>
                <a:gd name="T4" fmla="*/ 0 w 7"/>
                <a:gd name="T5" fmla="*/ 4992 h 9"/>
                <a:gd name="T6" fmla="*/ 9983 w 7"/>
                <a:gd name="T7" fmla="*/ 22463 h 9"/>
                <a:gd name="T8" fmla="*/ 17471 w 7"/>
                <a:gd name="T9" fmla="*/ 19967 h 9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7"/>
                <a:gd name="T16" fmla="*/ 0 h 9"/>
                <a:gd name="T17" fmla="*/ 7 w 7"/>
                <a:gd name="T18" fmla="*/ 9 h 9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7" h="9">
                  <a:moveTo>
                    <a:pt x="7" y="8"/>
                  </a:moveTo>
                  <a:lnTo>
                    <a:pt x="3" y="0"/>
                  </a:lnTo>
                  <a:lnTo>
                    <a:pt x="0" y="2"/>
                  </a:lnTo>
                  <a:lnTo>
                    <a:pt x="4" y="9"/>
                  </a:lnTo>
                  <a:lnTo>
                    <a:pt x="7" y="8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89" name="Freeform 161"/>
            <p:cNvSpPr>
              <a:spLocks noChangeArrowheads="1"/>
            </p:cNvSpPr>
            <p:nvPr/>
          </p:nvSpPr>
          <p:spPr bwMode="auto">
            <a:xfrm>
              <a:off x="234604" y="44924"/>
              <a:ext cx="12480" cy="27454"/>
            </a:xfrm>
            <a:custGeom>
              <a:avLst/>
              <a:gdLst>
                <a:gd name="T0" fmla="*/ 0 w 5"/>
                <a:gd name="T1" fmla="*/ 22462 h 11"/>
                <a:gd name="T2" fmla="*/ 4992 w 5"/>
                <a:gd name="T3" fmla="*/ 27454 h 11"/>
                <a:gd name="T4" fmla="*/ 12480 w 5"/>
                <a:gd name="T5" fmla="*/ 4992 h 11"/>
                <a:gd name="T6" fmla="*/ 4992 w 5"/>
                <a:gd name="T7" fmla="*/ 0 h 11"/>
                <a:gd name="T8" fmla="*/ 0 w 5"/>
                <a:gd name="T9" fmla="*/ 22462 h 11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5"/>
                <a:gd name="T16" fmla="*/ 0 h 11"/>
                <a:gd name="T17" fmla="*/ 5 w 5"/>
                <a:gd name="T18" fmla="*/ 11 h 11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5" h="11">
                  <a:moveTo>
                    <a:pt x="0" y="9"/>
                  </a:moveTo>
                  <a:lnTo>
                    <a:pt x="2" y="11"/>
                  </a:lnTo>
                  <a:lnTo>
                    <a:pt x="5" y="2"/>
                  </a:lnTo>
                  <a:lnTo>
                    <a:pt x="2" y="0"/>
                  </a:lnTo>
                  <a:lnTo>
                    <a:pt x="0" y="9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0" name="Freeform 162"/>
            <p:cNvSpPr>
              <a:spLocks noChangeArrowheads="1"/>
            </p:cNvSpPr>
            <p:nvPr/>
          </p:nvSpPr>
          <p:spPr bwMode="auto">
            <a:xfrm>
              <a:off x="277033" y="272040"/>
              <a:ext cx="22463" cy="19966"/>
            </a:xfrm>
            <a:custGeom>
              <a:avLst/>
              <a:gdLst>
                <a:gd name="T0" fmla="*/ 0 w 9"/>
                <a:gd name="T1" fmla="*/ 2496 h 8"/>
                <a:gd name="T2" fmla="*/ 19967 w 9"/>
                <a:gd name="T3" fmla="*/ 19966 h 8"/>
                <a:gd name="T4" fmla="*/ 22463 w 9"/>
                <a:gd name="T5" fmla="*/ 14974 h 8"/>
                <a:gd name="T6" fmla="*/ 7488 w 9"/>
                <a:gd name="T7" fmla="*/ 0 h 8"/>
                <a:gd name="T8" fmla="*/ 0 w 9"/>
                <a:gd name="T9" fmla="*/ 2496 h 8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9"/>
                <a:gd name="T16" fmla="*/ 0 h 8"/>
                <a:gd name="T17" fmla="*/ 9 w 9"/>
                <a:gd name="T18" fmla="*/ 8 h 8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9" h="8">
                  <a:moveTo>
                    <a:pt x="0" y="1"/>
                  </a:moveTo>
                  <a:lnTo>
                    <a:pt x="8" y="8"/>
                  </a:lnTo>
                  <a:lnTo>
                    <a:pt x="9" y="6"/>
                  </a:lnTo>
                  <a:lnTo>
                    <a:pt x="3" y="0"/>
                  </a:lnTo>
                  <a:lnTo>
                    <a:pt x="0" y="1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1" name="Freeform 163"/>
            <p:cNvSpPr>
              <a:spLocks noChangeArrowheads="1"/>
            </p:cNvSpPr>
            <p:nvPr/>
          </p:nvSpPr>
          <p:spPr bwMode="auto">
            <a:xfrm>
              <a:off x="304486" y="227116"/>
              <a:ext cx="24958" cy="14975"/>
            </a:xfrm>
            <a:custGeom>
              <a:avLst/>
              <a:gdLst>
                <a:gd name="T0" fmla="*/ 0 w 10"/>
                <a:gd name="T1" fmla="*/ 7488 h 6"/>
                <a:gd name="T2" fmla="*/ 22462 w 10"/>
                <a:gd name="T3" fmla="*/ 14975 h 6"/>
                <a:gd name="T4" fmla="*/ 24958 w 10"/>
                <a:gd name="T5" fmla="*/ 7488 h 6"/>
                <a:gd name="T6" fmla="*/ 2496 w 10"/>
                <a:gd name="T7" fmla="*/ 0 h 6"/>
                <a:gd name="T8" fmla="*/ 0 w 10"/>
                <a:gd name="T9" fmla="*/ 7488 h 6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0"/>
                <a:gd name="T16" fmla="*/ 0 h 6"/>
                <a:gd name="T17" fmla="*/ 10 w 10"/>
                <a:gd name="T18" fmla="*/ 6 h 6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0" h="6">
                  <a:moveTo>
                    <a:pt x="0" y="3"/>
                  </a:moveTo>
                  <a:lnTo>
                    <a:pt x="9" y="6"/>
                  </a:lnTo>
                  <a:lnTo>
                    <a:pt x="10" y="3"/>
                  </a:lnTo>
                  <a:lnTo>
                    <a:pt x="1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2" name="Freeform 164"/>
            <p:cNvSpPr>
              <a:spLocks noChangeArrowheads="1"/>
            </p:cNvSpPr>
            <p:nvPr/>
          </p:nvSpPr>
          <p:spPr bwMode="auto">
            <a:xfrm>
              <a:off x="274536" y="74874"/>
              <a:ext cx="22463" cy="22463"/>
            </a:xfrm>
            <a:custGeom>
              <a:avLst/>
              <a:gdLst>
                <a:gd name="T0" fmla="*/ 22463 w 9"/>
                <a:gd name="T1" fmla="*/ 7488 h 9"/>
                <a:gd name="T2" fmla="*/ 19967 w 9"/>
                <a:gd name="T3" fmla="*/ 0 h 9"/>
                <a:gd name="T4" fmla="*/ 0 w 9"/>
                <a:gd name="T5" fmla="*/ 17471 h 9"/>
                <a:gd name="T6" fmla="*/ 4992 w 9"/>
                <a:gd name="T7" fmla="*/ 22463 h 9"/>
                <a:gd name="T8" fmla="*/ 22463 w 9"/>
                <a:gd name="T9" fmla="*/ 7488 h 9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9"/>
                <a:gd name="T16" fmla="*/ 0 h 9"/>
                <a:gd name="T17" fmla="*/ 9 w 9"/>
                <a:gd name="T18" fmla="*/ 9 h 9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9" h="9">
                  <a:moveTo>
                    <a:pt x="9" y="3"/>
                  </a:moveTo>
                  <a:lnTo>
                    <a:pt x="8" y="0"/>
                  </a:lnTo>
                  <a:lnTo>
                    <a:pt x="0" y="7"/>
                  </a:lnTo>
                  <a:lnTo>
                    <a:pt x="2" y="9"/>
                  </a:lnTo>
                  <a:lnTo>
                    <a:pt x="9" y="3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3" name="Freeform 165"/>
            <p:cNvSpPr>
              <a:spLocks noChangeArrowheads="1"/>
            </p:cNvSpPr>
            <p:nvPr/>
          </p:nvSpPr>
          <p:spPr bwMode="auto">
            <a:xfrm>
              <a:off x="299494" y="124789"/>
              <a:ext cx="27454" cy="12480"/>
            </a:xfrm>
            <a:custGeom>
              <a:avLst/>
              <a:gdLst>
                <a:gd name="T0" fmla="*/ 24958 w 11"/>
                <a:gd name="T1" fmla="*/ 0 h 5"/>
                <a:gd name="T2" fmla="*/ 0 w 11"/>
                <a:gd name="T3" fmla="*/ 7488 h 5"/>
                <a:gd name="T4" fmla="*/ 4992 w 11"/>
                <a:gd name="T5" fmla="*/ 12480 h 5"/>
                <a:gd name="T6" fmla="*/ 27454 w 11"/>
                <a:gd name="T7" fmla="*/ 7488 h 5"/>
                <a:gd name="T8" fmla="*/ 24958 w 11"/>
                <a:gd name="T9" fmla="*/ 0 h 5"/>
                <a:gd name="T10" fmla="*/ 0 60000 65536"/>
                <a:gd name="T11" fmla="*/ 0 60000 65536"/>
                <a:gd name="T12" fmla="*/ 0 60000 65536"/>
                <a:gd name="T13" fmla="*/ 0 60000 65536"/>
                <a:gd name="T14" fmla="*/ 0 60000 65536"/>
                <a:gd name="T15" fmla="*/ 0 w 11"/>
                <a:gd name="T16" fmla="*/ 0 h 5"/>
                <a:gd name="T17" fmla="*/ 11 w 11"/>
                <a:gd name="T18" fmla="*/ 5 h 5"/>
              </a:gdLst>
              <a:ahLst/>
              <a:cxnLst>
                <a:cxn ang="T10">
                  <a:pos x="T0" y="T1"/>
                </a:cxn>
                <a:cxn ang="T11">
                  <a:pos x="T2" y="T3"/>
                </a:cxn>
                <a:cxn ang="T12">
                  <a:pos x="T4" y="T5"/>
                </a:cxn>
                <a:cxn ang="T13">
                  <a:pos x="T6" y="T7"/>
                </a:cxn>
                <a:cxn ang="T14">
                  <a:pos x="T8" y="T9"/>
                </a:cxn>
              </a:cxnLst>
              <a:rect l="T15" t="T16" r="T17" b="T18"/>
              <a:pathLst>
                <a:path w="11" h="5">
                  <a:moveTo>
                    <a:pt x="10" y="0"/>
                  </a:moveTo>
                  <a:lnTo>
                    <a:pt x="0" y="3"/>
                  </a:lnTo>
                  <a:lnTo>
                    <a:pt x="2" y="5"/>
                  </a:lnTo>
                  <a:lnTo>
                    <a:pt x="11" y="3"/>
                  </a:lnTo>
                  <a:lnTo>
                    <a:pt x="10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4" name="Rectangle 166"/>
            <p:cNvSpPr>
              <a:spLocks noChangeArrowheads="1"/>
            </p:cNvSpPr>
            <p:nvPr/>
          </p:nvSpPr>
          <p:spPr bwMode="auto">
            <a:xfrm>
              <a:off x="39933" y="174705"/>
              <a:ext cx="24958" cy="7488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5" name="Rectangle 167"/>
            <p:cNvSpPr>
              <a:spLocks noChangeArrowheads="1"/>
            </p:cNvSpPr>
            <p:nvPr/>
          </p:nvSpPr>
          <p:spPr bwMode="auto">
            <a:xfrm>
              <a:off x="316965" y="177200"/>
              <a:ext cx="27454" cy="7488"/>
            </a:xfrm>
            <a:prstGeom prst="rect">
              <a:avLst/>
            </a:pr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grpSp>
        <p:nvGrpSpPr>
          <p:cNvPr id="96" name="Group 54"/>
          <p:cNvGrpSpPr>
            <a:grpSpLocks/>
          </p:cNvGrpSpPr>
          <p:nvPr/>
        </p:nvGrpSpPr>
        <p:grpSpPr bwMode="auto">
          <a:xfrm>
            <a:off x="7176357" y="4594253"/>
            <a:ext cx="292497" cy="379547"/>
            <a:chOff x="0" y="0"/>
            <a:chExt cx="299494" cy="389342"/>
          </a:xfrm>
        </p:grpSpPr>
        <p:sp>
          <p:nvSpPr>
            <p:cNvPr id="97" name="Freeform 170"/>
            <p:cNvSpPr>
              <a:spLocks noChangeArrowheads="1"/>
            </p:cNvSpPr>
            <p:nvPr/>
          </p:nvSpPr>
          <p:spPr bwMode="auto">
            <a:xfrm>
              <a:off x="0" y="112310"/>
              <a:ext cx="299494" cy="277032"/>
            </a:xfrm>
            <a:custGeom>
              <a:avLst/>
              <a:gdLst>
                <a:gd name="T0" fmla="*/ 149747 w 90"/>
                <a:gd name="T1" fmla="*/ 277032 h 83"/>
                <a:gd name="T2" fmla="*/ 299494 w 90"/>
                <a:gd name="T3" fmla="*/ 0 h 83"/>
                <a:gd name="T4" fmla="*/ 0 w 90"/>
                <a:gd name="T5" fmla="*/ 0 h 83"/>
                <a:gd name="T6" fmla="*/ 149747 w 90"/>
                <a:gd name="T7" fmla="*/ 277032 h 83"/>
                <a:gd name="T8" fmla="*/ 0 60000 65536"/>
                <a:gd name="T9" fmla="*/ 0 60000 65536"/>
                <a:gd name="T10" fmla="*/ 0 60000 65536"/>
                <a:gd name="T11" fmla="*/ 0 60000 65536"/>
                <a:gd name="T12" fmla="*/ 0 w 90"/>
                <a:gd name="T13" fmla="*/ 0 h 83"/>
                <a:gd name="T14" fmla="*/ 90 w 90"/>
                <a:gd name="T15" fmla="*/ 83 h 83"/>
              </a:gdLst>
              <a:ahLst/>
              <a:cxnLst>
                <a:cxn ang="T8">
                  <a:pos x="T0" y="T1"/>
                </a:cxn>
                <a:cxn ang="T9">
                  <a:pos x="T2" y="T3"/>
                </a:cxn>
                <a:cxn ang="T10">
                  <a:pos x="T4" y="T5"/>
                </a:cxn>
                <a:cxn ang="T11">
                  <a:pos x="T6" y="T7"/>
                </a:cxn>
              </a:cxnLst>
              <a:rect l="T12" t="T13" r="T14" b="T15"/>
              <a:pathLst>
                <a:path w="90" h="83">
                  <a:moveTo>
                    <a:pt x="45" y="83"/>
                  </a:moveTo>
                  <a:cubicBezTo>
                    <a:pt x="90" y="59"/>
                    <a:pt x="90" y="0"/>
                    <a:pt x="90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0"/>
                    <a:pt x="0" y="59"/>
                    <a:pt x="45" y="83"/>
                  </a:cubicBez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  <p:sp>
          <p:nvSpPr>
            <p:cNvPr id="98" name="Freeform 171"/>
            <p:cNvSpPr>
              <a:spLocks noChangeArrowheads="1"/>
            </p:cNvSpPr>
            <p:nvPr/>
          </p:nvSpPr>
          <p:spPr bwMode="auto">
            <a:xfrm>
              <a:off x="0" y="0"/>
              <a:ext cx="299494" cy="94840"/>
            </a:xfrm>
            <a:custGeom>
              <a:avLst/>
              <a:gdLst>
                <a:gd name="T0" fmla="*/ 279528 w 90"/>
                <a:gd name="T1" fmla="*/ 0 h 29"/>
                <a:gd name="T2" fmla="*/ 226284 w 90"/>
                <a:gd name="T3" fmla="*/ 52326 h 29"/>
                <a:gd name="T4" fmla="*/ 173041 w 90"/>
                <a:gd name="T5" fmla="*/ 0 h 29"/>
                <a:gd name="T6" fmla="*/ 129781 w 90"/>
                <a:gd name="T7" fmla="*/ 0 h 29"/>
                <a:gd name="T8" fmla="*/ 76537 w 90"/>
                <a:gd name="T9" fmla="*/ 52326 h 29"/>
                <a:gd name="T10" fmla="*/ 23294 w 90"/>
                <a:gd name="T11" fmla="*/ 0 h 29"/>
                <a:gd name="T12" fmla="*/ 0 w 90"/>
                <a:gd name="T13" fmla="*/ 0 h 29"/>
                <a:gd name="T14" fmla="*/ 0 w 90"/>
                <a:gd name="T15" fmla="*/ 94840 h 29"/>
                <a:gd name="T16" fmla="*/ 299494 w 90"/>
                <a:gd name="T17" fmla="*/ 94840 h 29"/>
                <a:gd name="T18" fmla="*/ 299494 w 90"/>
                <a:gd name="T19" fmla="*/ 0 h 29"/>
                <a:gd name="T20" fmla="*/ 279528 w 90"/>
                <a:gd name="T21" fmla="*/ 0 h 29"/>
                <a:gd name="T22" fmla="*/ 0 60000 65536"/>
                <a:gd name="T23" fmla="*/ 0 60000 65536"/>
                <a:gd name="T24" fmla="*/ 0 60000 65536"/>
                <a:gd name="T25" fmla="*/ 0 60000 65536"/>
                <a:gd name="T26" fmla="*/ 0 60000 65536"/>
                <a:gd name="T27" fmla="*/ 0 60000 65536"/>
                <a:gd name="T28" fmla="*/ 0 60000 65536"/>
                <a:gd name="T29" fmla="*/ 0 60000 65536"/>
                <a:gd name="T30" fmla="*/ 0 60000 65536"/>
                <a:gd name="T31" fmla="*/ 0 60000 65536"/>
                <a:gd name="T32" fmla="*/ 0 60000 65536"/>
                <a:gd name="T33" fmla="*/ 0 w 90"/>
                <a:gd name="T34" fmla="*/ 0 h 29"/>
                <a:gd name="T35" fmla="*/ 90 w 90"/>
                <a:gd name="T36" fmla="*/ 29 h 29"/>
              </a:gdLst>
              <a:ahLst/>
              <a:cxnLst>
                <a:cxn ang="T22">
                  <a:pos x="T0" y="T1"/>
                </a:cxn>
                <a:cxn ang="T23">
                  <a:pos x="T2" y="T3"/>
                </a:cxn>
                <a:cxn ang="T24">
                  <a:pos x="T4" y="T5"/>
                </a:cxn>
                <a:cxn ang="T25">
                  <a:pos x="T6" y="T7"/>
                </a:cxn>
                <a:cxn ang="T26">
                  <a:pos x="T8" y="T9"/>
                </a:cxn>
                <a:cxn ang="T27">
                  <a:pos x="T10" y="T11"/>
                </a:cxn>
                <a:cxn ang="T28">
                  <a:pos x="T12" y="T13"/>
                </a:cxn>
                <a:cxn ang="T29">
                  <a:pos x="T14" y="T15"/>
                </a:cxn>
                <a:cxn ang="T30">
                  <a:pos x="T16" y="T17"/>
                </a:cxn>
                <a:cxn ang="T31">
                  <a:pos x="T18" y="T19"/>
                </a:cxn>
                <a:cxn ang="T32">
                  <a:pos x="T20" y="T21"/>
                </a:cxn>
              </a:cxnLst>
              <a:rect l="T33" t="T34" r="T35" b="T36"/>
              <a:pathLst>
                <a:path w="90" h="29">
                  <a:moveTo>
                    <a:pt x="84" y="0"/>
                  </a:moveTo>
                  <a:cubicBezTo>
                    <a:pt x="84" y="9"/>
                    <a:pt x="77" y="16"/>
                    <a:pt x="68" y="16"/>
                  </a:cubicBezTo>
                  <a:cubicBezTo>
                    <a:pt x="59" y="16"/>
                    <a:pt x="52" y="9"/>
                    <a:pt x="52" y="0"/>
                  </a:cubicBezTo>
                  <a:cubicBezTo>
                    <a:pt x="39" y="0"/>
                    <a:pt x="39" y="0"/>
                    <a:pt x="39" y="0"/>
                  </a:cubicBezTo>
                  <a:cubicBezTo>
                    <a:pt x="39" y="9"/>
                    <a:pt x="32" y="16"/>
                    <a:pt x="23" y="16"/>
                  </a:cubicBezTo>
                  <a:cubicBezTo>
                    <a:pt x="14" y="16"/>
                    <a:pt x="7" y="9"/>
                    <a:pt x="7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29"/>
                    <a:pt x="0" y="29"/>
                    <a:pt x="0" y="29"/>
                  </a:cubicBezTo>
                  <a:cubicBezTo>
                    <a:pt x="90" y="29"/>
                    <a:pt x="90" y="29"/>
                    <a:pt x="90" y="29"/>
                  </a:cubicBezTo>
                  <a:cubicBezTo>
                    <a:pt x="90" y="0"/>
                    <a:pt x="90" y="0"/>
                    <a:pt x="90" y="0"/>
                  </a:cubicBezTo>
                  <a:lnTo>
                    <a:pt x="84" y="0"/>
                  </a:lnTo>
                  <a:close/>
                </a:path>
              </a:pathLst>
            </a:custGeom>
            <a:solidFill>
              <a:schemeClr val="bg1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algn="l"/>
              <a:endParaRPr lang="zh-CN" altLang="en-US">
                <a:solidFill>
                  <a:srgbClr val="F2F2F2"/>
                </a:solidFill>
                <a:latin typeface="Calibri" pitchFamily="34" charset="0"/>
                <a:sym typeface="Calibri" pitchFamily="34" charset="0"/>
              </a:endParaRPr>
            </a:p>
          </p:txBody>
        </p:sp>
      </p:grpSp>
      <p:sp>
        <p:nvSpPr>
          <p:cNvPr id="99" name="剪去对角的矩形 98"/>
          <p:cNvSpPr/>
          <p:nvPr/>
        </p:nvSpPr>
        <p:spPr>
          <a:xfrm>
            <a:off x="1769392" y="2506809"/>
            <a:ext cx="4299203" cy="1734811"/>
          </a:xfrm>
          <a:prstGeom prst="snip2Diag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1" tIns="45715" rIns="91431" bIns="45715" rtlCol="0" anchor="ctr"/>
          <a:lstStyle/>
          <a:p>
            <a:pPr algn="ctr"/>
            <a:endParaRPr lang="zh-CN" altLang="en-US">
              <a:solidFill>
                <a:srgbClr val="007FDE"/>
              </a:solidFill>
            </a:endParaRPr>
          </a:p>
        </p:txBody>
      </p:sp>
      <p:sp>
        <p:nvSpPr>
          <p:cNvPr id="100" name="矩形 104"/>
          <p:cNvSpPr>
            <a:spLocks noChangeArrowheads="1"/>
          </p:cNvSpPr>
          <p:nvPr/>
        </p:nvSpPr>
        <p:spPr bwMode="auto">
          <a:xfrm>
            <a:off x="4044545" y="2552061"/>
            <a:ext cx="1364440" cy="4462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91422" tIns="45711" rIns="91422" bIns="45711">
            <a:spAutoFit/>
          </a:bodyPr>
          <a:lstStyle/>
          <a:p>
            <a:pPr algn="r"/>
            <a:r>
              <a:rPr lang="zh-CN" altLang="en-US" sz="2300" b="1" dirty="0">
                <a:solidFill>
                  <a:srgbClr val="F2F2F2"/>
                </a:solidFill>
                <a:latin typeface="微软雅黑" pitchFamily="34" charset="-122"/>
                <a:ea typeface="微软雅黑" pitchFamily="34" charset="-122"/>
                <a:sym typeface="微软雅黑" pitchFamily="34" charset="-122"/>
              </a:rPr>
              <a:t>Add a title</a:t>
            </a:r>
            <a:endParaRPr lang="en-US" sz="2300" b="1" dirty="0">
              <a:solidFill>
                <a:srgbClr val="F2F2F2"/>
              </a:solidFill>
              <a:latin typeface="微软雅黑" pitchFamily="34" charset="-122"/>
              <a:ea typeface="微软雅黑" pitchFamily="34" charset="-122"/>
              <a:sym typeface="微软雅黑" pitchFamily="34" charset="-122"/>
            </a:endParaRPr>
          </a:p>
        </p:txBody>
      </p:sp>
      <p:sp>
        <p:nvSpPr>
          <p:cNvPr id="101" name="矩形 47"/>
          <p:cNvSpPr>
            <a:spLocks noChangeArrowheads="1"/>
          </p:cNvSpPr>
          <p:nvPr/>
        </p:nvSpPr>
        <p:spPr bwMode="auto">
          <a:xfrm>
            <a:off x="1921591" y="2907117"/>
            <a:ext cx="3733315" cy="11768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1422" tIns="45711" rIns="91422" bIns="45711">
            <a:spAutoFit/>
          </a:bodyPr>
          <a:lstStyle/>
          <a:p>
            <a:pPr algn="r">
              <a:lnSpc>
                <a:spcPct val="120000"/>
              </a:lnSpc>
            </a:pPr>
            <a:r>
              <a:rPr lang="zh-CN" altLang="en-US" sz="1500" dirty="0">
                <a:solidFill>
                  <a:srgbClr val="F2F2F2"/>
                </a:solidFill>
                <a:latin typeface="微软雅黑" pitchFamily="34" charset="-122"/>
                <a:ea typeface="微软雅黑" pitchFamily="34" charset="-122"/>
                <a:sym typeface="微软雅黑" pitchFamily="34" charset="-122"/>
              </a:rPr>
              <a:t>Enter the comprehensive description description of the chart above here, and the comprehensive description description of the chart above,</a:t>
            </a:r>
          </a:p>
        </p:txBody>
      </p:sp>
      <p:sp>
        <p:nvSpPr>
          <p:cNvPr id="102" name="TextBox 152"/>
          <p:cNvSpPr txBox="1"/>
          <p:nvPr/>
        </p:nvSpPr>
        <p:spPr>
          <a:xfrm>
            <a:off x="1921591" y="5605411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Your content is played here, or by copying your</a:t>
            </a:r>
          </a:p>
        </p:txBody>
      </p:sp>
      <p:sp>
        <p:nvSpPr>
          <p:cNvPr id="103" name="TextBox 173"/>
          <p:cNvSpPr txBox="1"/>
          <p:nvPr/>
        </p:nvSpPr>
        <p:spPr>
          <a:xfrm>
            <a:off x="1921591" y="5143750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FEBC30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Add a title</a:t>
            </a:r>
          </a:p>
        </p:txBody>
      </p:sp>
      <p:sp>
        <p:nvSpPr>
          <p:cNvPr id="104" name="TextBox 174"/>
          <p:cNvSpPr txBox="1"/>
          <p:nvPr/>
        </p:nvSpPr>
        <p:spPr>
          <a:xfrm>
            <a:off x="4298008" y="5629344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Your content is played here, or by copying your</a:t>
            </a:r>
          </a:p>
        </p:txBody>
      </p:sp>
      <p:sp>
        <p:nvSpPr>
          <p:cNvPr id="105" name="TextBox 175"/>
          <p:cNvSpPr txBox="1"/>
          <p:nvPr/>
        </p:nvSpPr>
        <p:spPr>
          <a:xfrm>
            <a:off x="4298008" y="5167685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A883BD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Add a title</a:t>
            </a:r>
          </a:p>
        </p:txBody>
      </p:sp>
      <p:sp>
        <p:nvSpPr>
          <p:cNvPr id="106" name="TextBox 176"/>
          <p:cNvSpPr txBox="1"/>
          <p:nvPr/>
        </p:nvSpPr>
        <p:spPr>
          <a:xfrm>
            <a:off x="6435464" y="5615509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Your content is played here, or by copying your</a:t>
            </a:r>
          </a:p>
        </p:txBody>
      </p:sp>
      <p:sp>
        <p:nvSpPr>
          <p:cNvPr id="107" name="TextBox 177"/>
          <p:cNvSpPr txBox="1"/>
          <p:nvPr/>
        </p:nvSpPr>
        <p:spPr>
          <a:xfrm>
            <a:off x="6435464" y="5153850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FF6680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Add a title</a:t>
            </a:r>
          </a:p>
        </p:txBody>
      </p:sp>
      <p:sp>
        <p:nvSpPr>
          <p:cNvPr id="108" name="TextBox 178"/>
          <p:cNvSpPr txBox="1"/>
          <p:nvPr/>
        </p:nvSpPr>
        <p:spPr>
          <a:xfrm>
            <a:off x="8426180" y="5604627"/>
            <a:ext cx="1774276" cy="572454"/>
          </a:xfrm>
          <a:prstGeom prst="rect">
            <a:avLst/>
          </a:prstGeom>
          <a:noFill/>
        </p:spPr>
        <p:txBody>
          <a:bodyPr wrap="square" lIns="91431" tIns="45715" rIns="91431" bIns="45715" rtlCol="0">
            <a:spAutoFit/>
          </a:bodyPr>
          <a:lstStyle/>
          <a:p>
            <a:pPr algn="ctr">
              <a:lnSpc>
                <a:spcPct val="130000"/>
              </a:lnSpc>
            </a:pPr>
            <a:r>
              <a:rPr lang="zh-CN" alt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微软雅黑" pitchFamily="34" charset="-122"/>
                <a:ea typeface="微软雅黑" pitchFamily="34" charset="-122"/>
              </a:rPr>
              <a:t>Your content is played here, or by copying your</a:t>
            </a:r>
          </a:p>
        </p:txBody>
      </p:sp>
      <p:sp>
        <p:nvSpPr>
          <p:cNvPr id="109" name="TextBox 179"/>
          <p:cNvSpPr txBox="1"/>
          <p:nvPr/>
        </p:nvSpPr>
        <p:spPr>
          <a:xfrm>
            <a:off x="8426180" y="5142966"/>
            <a:ext cx="1774276" cy="407291"/>
          </a:xfrm>
          <a:prstGeom prst="rect">
            <a:avLst/>
          </a:prstGeom>
          <a:noFill/>
        </p:spPr>
        <p:txBody>
          <a:bodyPr wrap="square" lIns="91431" tIns="0" rIns="91431" bIns="0" rtlCol="0" anchor="t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000" dirty="0">
                <a:solidFill>
                  <a:srgbClr val="45AFC5"/>
                </a:solidFill>
                <a:latin typeface="微软雅黑" pitchFamily="34" charset="-122"/>
                <a:ea typeface="微软雅黑" pitchFamily="34" charset="-122"/>
                <a:cs typeface="华文黑体" pitchFamily="2" charset="-122"/>
              </a:rPr>
              <a:t>Add a title</a:t>
            </a:r>
          </a:p>
        </p:txBody>
      </p:sp>
    </p:spTree>
    <p:extLst>
      <p:ext uri="{BB962C8B-B14F-4D97-AF65-F5344CB8AC3E}">
        <p14:creationId xmlns:p14="http://schemas.microsoft.com/office/powerpoint/2010/main" val="2837172041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9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17" dur="3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1300"/>
                            </p:stCondLst>
                            <p:childTnLst>
                              <p:par>
                                <p:cTn id="19" presetID="22" presetClass="entr" presetSubtype="2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1" dur="300"/>
                                        <p:tgtEl>
                                          <p:spTgt spid="10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600"/>
                            </p:stCondLst>
                            <p:childTnLst>
                              <p:par>
                                <p:cTn id="23" presetID="21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5" dur="5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8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1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4" dur="500"/>
                                        <p:tgtEl>
                                          <p:spTgt spid="6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7" dur="500"/>
                                        <p:tgtEl>
                                          <p:spTgt spid="6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0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3" dur="500"/>
                                        <p:tgtEl>
                                          <p:spTgt spid="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21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46" dur="5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2100"/>
                            </p:stCondLst>
                            <p:childTnLst>
                              <p:par>
                                <p:cTn id="48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fill="hold"/>
                                        <p:tgtEl>
                                          <p:spTgt spid="10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5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8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1" dur="500" fill="hold"/>
                                        <p:tgtEl>
                                          <p:spTgt spid="10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500" fill="hold"/>
                                        <p:tgtEl>
                                          <p:spTgt spid="10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3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5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6" dur="5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7" dur="5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2600"/>
                            </p:stCondLst>
                            <p:childTnLst>
                              <p:par>
                                <p:cTn id="69" presetID="14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1" dur="500"/>
                                        <p:tgtEl>
                                          <p:spTgt spid="10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4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5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77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14" presetClass="entr" presetSubtype="1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80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6" grpId="0" animBg="1"/>
      <p:bldP spid="47" grpId="0" animBg="1"/>
      <p:bldP spid="48" grpId="0" animBg="1"/>
      <p:bldP spid="60" grpId="0" animBg="1"/>
      <p:bldP spid="61" grpId="0" animBg="1"/>
      <p:bldP spid="99" grpId="0" animBg="1"/>
      <p:bldP spid="100" grpId="0"/>
      <p:bldP spid="101" grpId="0"/>
      <p:bldP spid="102" grpId="0"/>
      <p:bldP spid="103" grpId="0"/>
      <p:bldP spid="104" grpId="0"/>
      <p:bldP spid="105" grpId="0"/>
      <p:bldP spid="106" grpId="0"/>
      <p:bldP spid="107" grpId="0"/>
      <p:bldP spid="108" grpId="0"/>
      <p:bldP spid="109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4607048" y="2340429"/>
            <a:ext cx="6606623" cy="3491712"/>
            <a:chOff x="4607048" y="2340429"/>
            <a:chExt cx="6606623" cy="3491712"/>
          </a:xfrm>
        </p:grpSpPr>
        <p:sp>
          <p:nvSpPr>
            <p:cNvPr id="21" name="矩形 20"/>
            <p:cNvSpPr/>
            <p:nvPr/>
          </p:nvSpPr>
          <p:spPr>
            <a:xfrm flipV="1">
              <a:off x="7433772" y="2346777"/>
              <a:ext cx="672172" cy="45719"/>
            </a:xfrm>
            <a:prstGeom prst="rect">
              <a:avLst/>
            </a:prstGeom>
            <a:solidFill>
              <a:srgbClr val="BFBFBF"/>
            </a:solidFill>
            <a:ln>
              <a:noFill/>
            </a:ln>
            <a:effectLst/>
            <a:scene3d>
              <a:camera prst="orthographicFront">
                <a:rot lat="0" lon="0" rev="0"/>
              </a:camera>
              <a:lightRig rig="glow" dir="t">
                <a:rot lat="0" lon="0" rev="14100000"/>
              </a:lightRig>
            </a:scene3d>
            <a:sp3d prstMaterial="softEdge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/>
              <a:endParaRPr lang="zh-CN" altLang="en-US" dirty="0">
                <a:solidFill>
                  <a:srgbClr val="FFFFFF"/>
                </a:solidFill>
                <a:latin typeface="+mn-ea"/>
              </a:endParaRPr>
            </a:p>
          </p:txBody>
        </p:sp>
        <p:grpSp>
          <p:nvGrpSpPr>
            <p:cNvPr id="22" name="组合 21"/>
            <p:cNvGrpSpPr/>
            <p:nvPr/>
          </p:nvGrpSpPr>
          <p:grpSpPr>
            <a:xfrm>
              <a:off x="4607048" y="2340429"/>
              <a:ext cx="6606623" cy="3491712"/>
              <a:chOff x="4607048" y="2340429"/>
              <a:chExt cx="6606623" cy="3491712"/>
            </a:xfrm>
          </p:grpSpPr>
          <p:sp>
            <p:nvSpPr>
              <p:cNvPr id="28" name="矩形 27"/>
              <p:cNvSpPr/>
              <p:nvPr/>
            </p:nvSpPr>
            <p:spPr>
              <a:xfrm>
                <a:off x="8035139" y="2340429"/>
                <a:ext cx="3178532" cy="793024"/>
              </a:xfrm>
              <a:prstGeom prst="rect">
                <a:avLst/>
              </a:prstGeom>
              <a:solidFill>
                <a:srgbClr val="80AD31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29" name="矩形 28"/>
              <p:cNvSpPr/>
              <p:nvPr/>
            </p:nvSpPr>
            <p:spPr>
              <a:xfrm>
                <a:off x="8035139" y="3133453"/>
                <a:ext cx="3178532" cy="793024"/>
              </a:xfrm>
              <a:prstGeom prst="rect">
                <a:avLst/>
              </a:prstGeom>
              <a:solidFill>
                <a:srgbClr val="FEBC30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30" name="矩形 29"/>
              <p:cNvSpPr/>
              <p:nvPr/>
            </p:nvSpPr>
            <p:spPr>
              <a:xfrm>
                <a:off x="8035139" y="3926478"/>
                <a:ext cx="3178532" cy="793024"/>
              </a:xfrm>
              <a:prstGeom prst="rect">
                <a:avLst/>
              </a:prstGeom>
              <a:solidFill>
                <a:srgbClr val="A883BD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31" name="矩形 30"/>
              <p:cNvSpPr/>
              <p:nvPr/>
            </p:nvSpPr>
            <p:spPr>
              <a:xfrm>
                <a:off x="8035139" y="4719502"/>
                <a:ext cx="3178532" cy="793024"/>
              </a:xfrm>
              <a:prstGeom prst="rect">
                <a:avLst/>
              </a:prstGeom>
              <a:solidFill>
                <a:srgbClr val="FF6680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39" name="椭圆 38"/>
              <p:cNvSpPr/>
              <p:nvPr/>
            </p:nvSpPr>
            <p:spPr>
              <a:xfrm>
                <a:off x="8461527" y="5512526"/>
                <a:ext cx="319615" cy="319615"/>
              </a:xfrm>
              <a:prstGeom prst="ellipse">
                <a:avLst/>
              </a:prstGeom>
              <a:solidFill>
                <a:srgbClr val="45AFC5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40" name="椭圆 39"/>
              <p:cNvSpPr/>
              <p:nvPr/>
            </p:nvSpPr>
            <p:spPr>
              <a:xfrm>
                <a:off x="10409596" y="5512526"/>
                <a:ext cx="319615" cy="319615"/>
              </a:xfrm>
              <a:prstGeom prst="ellipse">
                <a:avLst/>
              </a:prstGeom>
              <a:solidFill>
                <a:srgbClr val="45AFC5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  <p:sp>
            <p:nvSpPr>
              <p:cNvPr id="41" name="KSO_Shape"/>
              <p:cNvSpPr>
                <a:spLocks/>
              </p:cNvSpPr>
              <p:nvPr/>
            </p:nvSpPr>
            <p:spPr bwMode="auto">
              <a:xfrm flipH="1">
                <a:off x="4607048" y="3399186"/>
                <a:ext cx="2334040" cy="2178437"/>
              </a:xfrm>
              <a:custGeom>
                <a:avLst/>
                <a:gdLst>
                  <a:gd name="T0" fmla="*/ 1516226 w 900113"/>
                  <a:gd name="T1" fmla="*/ 397797 h 839788"/>
                  <a:gd name="T2" fmla="*/ 1842604 w 900113"/>
                  <a:gd name="T3" fmla="*/ 646339 h 839788"/>
                  <a:gd name="T4" fmla="*/ 1880522 w 900113"/>
                  <a:gd name="T5" fmla="*/ 670376 h 839788"/>
                  <a:gd name="T6" fmla="*/ 1904041 w 900113"/>
                  <a:gd name="T7" fmla="*/ 714123 h 839788"/>
                  <a:gd name="T8" fmla="*/ 1898761 w 900113"/>
                  <a:gd name="T9" fmla="*/ 762199 h 839788"/>
                  <a:gd name="T10" fmla="*/ 1868522 w 900113"/>
                  <a:gd name="T11" fmla="*/ 799694 h 839788"/>
                  <a:gd name="T12" fmla="*/ 1829165 w 900113"/>
                  <a:gd name="T13" fmla="*/ 814117 h 839788"/>
                  <a:gd name="T14" fmla="*/ 1428871 w 900113"/>
                  <a:gd name="T15" fmla="*/ 808349 h 839788"/>
                  <a:gd name="T16" fmla="*/ 1394793 w 900113"/>
                  <a:gd name="T17" fmla="*/ 789119 h 839788"/>
                  <a:gd name="T18" fmla="*/ 1371273 w 900113"/>
                  <a:gd name="T19" fmla="*/ 752102 h 839788"/>
                  <a:gd name="T20" fmla="*/ 1367434 w 900113"/>
                  <a:gd name="T21" fmla="*/ 581921 h 839788"/>
                  <a:gd name="T22" fmla="*/ 1360715 w 900113"/>
                  <a:gd name="T23" fmla="*/ 1029489 h 839788"/>
                  <a:gd name="T24" fmla="*/ 1375593 w 900113"/>
                  <a:gd name="T25" fmla="*/ 1084293 h 839788"/>
                  <a:gd name="T26" fmla="*/ 1367434 w 900113"/>
                  <a:gd name="T27" fmla="*/ 1141021 h 839788"/>
                  <a:gd name="T28" fmla="*/ 1225362 w 900113"/>
                  <a:gd name="T29" fmla="*/ 1734733 h 839788"/>
                  <a:gd name="T30" fmla="*/ 1185045 w 900113"/>
                  <a:gd name="T31" fmla="*/ 1768386 h 839788"/>
                  <a:gd name="T32" fmla="*/ 1129369 w 900113"/>
                  <a:gd name="T33" fmla="*/ 1777519 h 839788"/>
                  <a:gd name="T34" fmla="*/ 1073693 w 900113"/>
                  <a:gd name="T35" fmla="*/ 1754444 h 839788"/>
                  <a:gd name="T36" fmla="*/ 1039614 w 900113"/>
                  <a:gd name="T37" fmla="*/ 1704446 h 839788"/>
                  <a:gd name="T38" fmla="*/ 1037214 w 900113"/>
                  <a:gd name="T39" fmla="*/ 1653009 h 839788"/>
                  <a:gd name="T40" fmla="*/ 666199 w 900113"/>
                  <a:gd name="T41" fmla="*/ 1195825 h 839788"/>
                  <a:gd name="T42" fmla="*/ 626362 w 900113"/>
                  <a:gd name="T43" fmla="*/ 1217939 h 839788"/>
                  <a:gd name="T44" fmla="*/ 545727 w 900113"/>
                  <a:gd name="T45" fmla="*/ 1229476 h 839788"/>
                  <a:gd name="T46" fmla="*/ 63837 w 900113"/>
                  <a:gd name="T47" fmla="*/ 1221303 h 839788"/>
                  <a:gd name="T48" fmla="*/ 22078 w 900113"/>
                  <a:gd name="T49" fmla="*/ 1189094 h 839788"/>
                  <a:gd name="T50" fmla="*/ 961 w 900113"/>
                  <a:gd name="T51" fmla="*/ 1137174 h 839788"/>
                  <a:gd name="T52" fmla="*/ 11039 w 900113"/>
                  <a:gd name="T53" fmla="*/ 1077562 h 839788"/>
                  <a:gd name="T54" fmla="*/ 52317 w 900113"/>
                  <a:gd name="T55" fmla="*/ 1033817 h 839788"/>
                  <a:gd name="T56" fmla="*/ 101274 w 900113"/>
                  <a:gd name="T57" fmla="*/ 1019875 h 839788"/>
                  <a:gd name="T58" fmla="*/ 637401 w 900113"/>
                  <a:gd name="T59" fmla="*/ 672781 h 839788"/>
                  <a:gd name="T60" fmla="*/ 589883 w 900113"/>
                  <a:gd name="T61" fmla="*/ 695376 h 839788"/>
                  <a:gd name="T62" fmla="*/ 541407 w 900113"/>
                  <a:gd name="T63" fmla="*/ 686240 h 839788"/>
                  <a:gd name="T64" fmla="*/ 508288 w 900113"/>
                  <a:gd name="T65" fmla="*/ 653550 h 839788"/>
                  <a:gd name="T66" fmla="*/ 499170 w 900113"/>
                  <a:gd name="T67" fmla="*/ 605477 h 839788"/>
                  <a:gd name="T68" fmla="*/ 519807 w 900113"/>
                  <a:gd name="T69" fmla="*/ 558846 h 839788"/>
                  <a:gd name="T70" fmla="*/ 826029 w 900113"/>
                  <a:gd name="T71" fmla="*/ 217039 h 839788"/>
                  <a:gd name="T72" fmla="*/ 1503745 w 900113"/>
                  <a:gd name="T73" fmla="*/ 0 h 839788"/>
                  <a:gd name="T74" fmla="*/ 1552221 w 900113"/>
                  <a:gd name="T75" fmla="*/ 7203 h 839788"/>
                  <a:gd name="T76" fmla="*/ 1594939 w 900113"/>
                  <a:gd name="T77" fmla="*/ 27848 h 839788"/>
                  <a:gd name="T78" fmla="*/ 1629017 w 900113"/>
                  <a:gd name="T79" fmla="*/ 59059 h 839788"/>
                  <a:gd name="T80" fmla="*/ 1653976 w 900113"/>
                  <a:gd name="T81" fmla="*/ 99870 h 839788"/>
                  <a:gd name="T82" fmla="*/ 1665495 w 900113"/>
                  <a:gd name="T83" fmla="*/ 145966 h 839788"/>
                  <a:gd name="T84" fmla="*/ 1663576 w 900113"/>
                  <a:gd name="T85" fmla="*/ 195902 h 839788"/>
                  <a:gd name="T86" fmla="*/ 1647256 w 900113"/>
                  <a:gd name="T87" fmla="*/ 240556 h 839788"/>
                  <a:gd name="T88" fmla="*/ 1618458 w 900113"/>
                  <a:gd name="T89" fmla="*/ 278008 h 839788"/>
                  <a:gd name="T90" fmla="*/ 1581019 w 900113"/>
                  <a:gd name="T91" fmla="*/ 306338 h 839788"/>
                  <a:gd name="T92" fmla="*/ 1536382 w 900113"/>
                  <a:gd name="T93" fmla="*/ 323142 h 839788"/>
                  <a:gd name="T94" fmla="*/ 1486945 w 900113"/>
                  <a:gd name="T95" fmla="*/ 325064 h 839788"/>
                  <a:gd name="T96" fmla="*/ 1440389 w 900113"/>
                  <a:gd name="T97" fmla="*/ 313541 h 839788"/>
                  <a:gd name="T98" fmla="*/ 1399591 w 900113"/>
                  <a:gd name="T99" fmla="*/ 288572 h 839788"/>
                  <a:gd name="T100" fmla="*/ 1368393 w 900113"/>
                  <a:gd name="T101" fmla="*/ 254481 h 839788"/>
                  <a:gd name="T102" fmla="*/ 1348234 w 900113"/>
                  <a:gd name="T103" fmla="*/ 211748 h 839788"/>
                  <a:gd name="T104" fmla="*/ 1340554 w 900113"/>
                  <a:gd name="T105" fmla="*/ 163251 h 839788"/>
                  <a:gd name="T106" fmla="*/ 1348234 w 900113"/>
                  <a:gd name="T107" fmla="*/ 114276 h 839788"/>
                  <a:gd name="T108" fmla="*/ 1368393 w 900113"/>
                  <a:gd name="T109" fmla="*/ 71542 h 839788"/>
                  <a:gd name="T110" fmla="*/ 1399591 w 900113"/>
                  <a:gd name="T111" fmla="*/ 37451 h 839788"/>
                  <a:gd name="T112" fmla="*/ 1440389 w 900113"/>
                  <a:gd name="T113" fmla="*/ 12483 h 839788"/>
                  <a:gd name="T114" fmla="*/ 1486945 w 900113"/>
                  <a:gd name="T115" fmla="*/ 959 h 839788"/>
                  <a:gd name="T116" fmla="*/ 0 60000 65536"/>
                  <a:gd name="T117" fmla="*/ 0 60000 65536"/>
                  <a:gd name="T118" fmla="*/ 0 60000 65536"/>
                  <a:gd name="T119" fmla="*/ 0 60000 65536"/>
                  <a:gd name="T120" fmla="*/ 0 60000 65536"/>
                  <a:gd name="T121" fmla="*/ 0 60000 65536"/>
                  <a:gd name="T122" fmla="*/ 0 60000 65536"/>
                  <a:gd name="T123" fmla="*/ 0 60000 65536"/>
                  <a:gd name="T124" fmla="*/ 0 60000 65536"/>
                  <a:gd name="T125" fmla="*/ 0 60000 65536"/>
                  <a:gd name="T126" fmla="*/ 0 60000 65536"/>
                  <a:gd name="T127" fmla="*/ 0 60000 65536"/>
                  <a:gd name="T128" fmla="*/ 0 60000 65536"/>
                  <a:gd name="T129" fmla="*/ 0 60000 65536"/>
                  <a:gd name="T130" fmla="*/ 0 60000 65536"/>
                  <a:gd name="T131" fmla="*/ 0 60000 65536"/>
                  <a:gd name="T132" fmla="*/ 0 60000 65536"/>
                  <a:gd name="T133" fmla="*/ 0 60000 65536"/>
                  <a:gd name="T134" fmla="*/ 0 60000 65536"/>
                  <a:gd name="T135" fmla="*/ 0 60000 65536"/>
                  <a:gd name="T136" fmla="*/ 0 60000 65536"/>
                  <a:gd name="T137" fmla="*/ 0 60000 65536"/>
                  <a:gd name="T138" fmla="*/ 0 60000 65536"/>
                  <a:gd name="T139" fmla="*/ 0 60000 65536"/>
                  <a:gd name="T140" fmla="*/ 0 60000 65536"/>
                  <a:gd name="T141" fmla="*/ 0 60000 65536"/>
                  <a:gd name="T142" fmla="*/ 0 60000 65536"/>
                  <a:gd name="T143" fmla="*/ 0 60000 65536"/>
                  <a:gd name="T144" fmla="*/ 0 60000 65536"/>
                  <a:gd name="T145" fmla="*/ 0 60000 65536"/>
                  <a:gd name="T146" fmla="*/ 0 60000 65536"/>
                  <a:gd name="T147" fmla="*/ 0 60000 65536"/>
                  <a:gd name="T148" fmla="*/ 0 60000 65536"/>
                  <a:gd name="T149" fmla="*/ 0 60000 65536"/>
                  <a:gd name="T150" fmla="*/ 0 60000 65536"/>
                  <a:gd name="T151" fmla="*/ 0 60000 65536"/>
                  <a:gd name="T152" fmla="*/ 0 60000 65536"/>
                  <a:gd name="T153" fmla="*/ 0 60000 65536"/>
                  <a:gd name="T154" fmla="*/ 0 60000 65536"/>
                  <a:gd name="T155" fmla="*/ 0 60000 65536"/>
                  <a:gd name="T156" fmla="*/ 0 60000 65536"/>
                  <a:gd name="T157" fmla="*/ 0 60000 65536"/>
                  <a:gd name="T158" fmla="*/ 0 60000 65536"/>
                  <a:gd name="T159" fmla="*/ 0 60000 65536"/>
                  <a:gd name="T160" fmla="*/ 0 60000 65536"/>
                  <a:gd name="T161" fmla="*/ 0 60000 65536"/>
                  <a:gd name="T162" fmla="*/ 0 60000 65536"/>
                  <a:gd name="T163" fmla="*/ 0 60000 65536"/>
                  <a:gd name="T164" fmla="*/ 0 60000 65536"/>
                  <a:gd name="T165" fmla="*/ 0 60000 65536"/>
                  <a:gd name="T166" fmla="*/ 0 60000 65536"/>
                  <a:gd name="T167" fmla="*/ 0 60000 65536"/>
                  <a:gd name="T168" fmla="*/ 0 60000 65536"/>
                  <a:gd name="T169" fmla="*/ 0 60000 65536"/>
                  <a:gd name="T170" fmla="*/ 0 60000 65536"/>
                  <a:gd name="T171" fmla="*/ 0 60000 65536"/>
                  <a:gd name="T172" fmla="*/ 0 60000 65536"/>
                  <a:gd name="T173" fmla="*/ 0 60000 65536"/>
                </a:gdLst>
                <a:ahLst/>
                <a:cxnLst>
                  <a:cxn ang="T116">
                    <a:pos x="T0" y="T1"/>
                  </a:cxn>
                  <a:cxn ang="T117">
                    <a:pos x="T2" y="T3"/>
                  </a:cxn>
                  <a:cxn ang="T118">
                    <a:pos x="T4" y="T5"/>
                  </a:cxn>
                  <a:cxn ang="T119">
                    <a:pos x="T6" y="T7"/>
                  </a:cxn>
                  <a:cxn ang="T120">
                    <a:pos x="T8" y="T9"/>
                  </a:cxn>
                  <a:cxn ang="T121">
                    <a:pos x="T10" y="T11"/>
                  </a:cxn>
                  <a:cxn ang="T122">
                    <a:pos x="T12" y="T13"/>
                  </a:cxn>
                  <a:cxn ang="T123">
                    <a:pos x="T14" y="T15"/>
                  </a:cxn>
                  <a:cxn ang="T124">
                    <a:pos x="T16" y="T17"/>
                  </a:cxn>
                  <a:cxn ang="T125">
                    <a:pos x="T18" y="T19"/>
                  </a:cxn>
                  <a:cxn ang="T126">
                    <a:pos x="T20" y="T21"/>
                  </a:cxn>
                  <a:cxn ang="T127">
                    <a:pos x="T22" y="T23"/>
                  </a:cxn>
                  <a:cxn ang="T128">
                    <a:pos x="T24" y="T25"/>
                  </a:cxn>
                  <a:cxn ang="T129">
                    <a:pos x="T26" y="T27"/>
                  </a:cxn>
                  <a:cxn ang="T130">
                    <a:pos x="T28" y="T29"/>
                  </a:cxn>
                  <a:cxn ang="T131">
                    <a:pos x="T30" y="T31"/>
                  </a:cxn>
                  <a:cxn ang="T132">
                    <a:pos x="T32" y="T33"/>
                  </a:cxn>
                  <a:cxn ang="T133">
                    <a:pos x="T34" y="T35"/>
                  </a:cxn>
                  <a:cxn ang="T134">
                    <a:pos x="T36" y="T37"/>
                  </a:cxn>
                  <a:cxn ang="T135">
                    <a:pos x="T38" y="T39"/>
                  </a:cxn>
                  <a:cxn ang="T136">
                    <a:pos x="T40" y="T41"/>
                  </a:cxn>
                  <a:cxn ang="T137">
                    <a:pos x="T42" y="T43"/>
                  </a:cxn>
                  <a:cxn ang="T138">
                    <a:pos x="T44" y="T45"/>
                  </a:cxn>
                  <a:cxn ang="T139">
                    <a:pos x="T46" y="T47"/>
                  </a:cxn>
                  <a:cxn ang="T140">
                    <a:pos x="T48" y="T49"/>
                  </a:cxn>
                  <a:cxn ang="T141">
                    <a:pos x="T50" y="T51"/>
                  </a:cxn>
                  <a:cxn ang="T142">
                    <a:pos x="T52" y="T53"/>
                  </a:cxn>
                  <a:cxn ang="T143">
                    <a:pos x="T54" y="T55"/>
                  </a:cxn>
                  <a:cxn ang="T144">
                    <a:pos x="T56" y="T57"/>
                  </a:cxn>
                  <a:cxn ang="T145">
                    <a:pos x="T58" y="T59"/>
                  </a:cxn>
                  <a:cxn ang="T146">
                    <a:pos x="T60" y="T61"/>
                  </a:cxn>
                  <a:cxn ang="T147">
                    <a:pos x="T62" y="T63"/>
                  </a:cxn>
                  <a:cxn ang="T148">
                    <a:pos x="T64" y="T65"/>
                  </a:cxn>
                  <a:cxn ang="T149">
                    <a:pos x="T66" y="T67"/>
                  </a:cxn>
                  <a:cxn ang="T150">
                    <a:pos x="T68" y="T69"/>
                  </a:cxn>
                  <a:cxn ang="T151">
                    <a:pos x="T70" y="T71"/>
                  </a:cxn>
                  <a:cxn ang="T152">
                    <a:pos x="T72" y="T73"/>
                  </a:cxn>
                  <a:cxn ang="T153">
                    <a:pos x="T74" y="T75"/>
                  </a:cxn>
                  <a:cxn ang="T154">
                    <a:pos x="T76" y="T77"/>
                  </a:cxn>
                  <a:cxn ang="T155">
                    <a:pos x="T78" y="T79"/>
                  </a:cxn>
                  <a:cxn ang="T156">
                    <a:pos x="T80" y="T81"/>
                  </a:cxn>
                  <a:cxn ang="T157">
                    <a:pos x="T82" y="T83"/>
                  </a:cxn>
                  <a:cxn ang="T158">
                    <a:pos x="T84" y="T85"/>
                  </a:cxn>
                  <a:cxn ang="T159">
                    <a:pos x="T86" y="T87"/>
                  </a:cxn>
                  <a:cxn ang="T160">
                    <a:pos x="T88" y="T89"/>
                  </a:cxn>
                  <a:cxn ang="T161">
                    <a:pos x="T90" y="T91"/>
                  </a:cxn>
                  <a:cxn ang="T162">
                    <a:pos x="T92" y="T93"/>
                  </a:cxn>
                  <a:cxn ang="T163">
                    <a:pos x="T94" y="T95"/>
                  </a:cxn>
                  <a:cxn ang="T164">
                    <a:pos x="T96" y="T97"/>
                  </a:cxn>
                  <a:cxn ang="T165">
                    <a:pos x="T98" y="T99"/>
                  </a:cxn>
                  <a:cxn ang="T166">
                    <a:pos x="T100" y="T101"/>
                  </a:cxn>
                  <a:cxn ang="T167">
                    <a:pos x="T102" y="T103"/>
                  </a:cxn>
                  <a:cxn ang="T168">
                    <a:pos x="T104" y="T105"/>
                  </a:cxn>
                  <a:cxn ang="T169">
                    <a:pos x="T106" y="T107"/>
                  </a:cxn>
                  <a:cxn ang="T170">
                    <a:pos x="T108" y="T109"/>
                  </a:cxn>
                  <a:cxn ang="T171">
                    <a:pos x="T110" y="T111"/>
                  </a:cxn>
                  <a:cxn ang="T172">
                    <a:pos x="T112" y="T113"/>
                  </a:cxn>
                  <a:cxn ang="T173">
                    <a:pos x="T114" y="T115"/>
                  </a:cxn>
                </a:cxnLst>
                <a:rect l="0" t="0" r="r" b="b"/>
                <a:pathLst>
                  <a:path w="900113" h="839788">
                    <a:moveTo>
                      <a:pt x="407081" y="98425"/>
                    </a:moveTo>
                    <a:lnTo>
                      <a:pt x="593726" y="98425"/>
                    </a:lnTo>
                    <a:lnTo>
                      <a:pt x="613002" y="112276"/>
                    </a:lnTo>
                    <a:lnTo>
                      <a:pt x="655865" y="143157"/>
                    </a:lnTo>
                    <a:lnTo>
                      <a:pt x="700542" y="175627"/>
                    </a:lnTo>
                    <a:lnTo>
                      <a:pt x="716417" y="187888"/>
                    </a:lnTo>
                    <a:lnTo>
                      <a:pt x="721633" y="191748"/>
                    </a:lnTo>
                    <a:lnTo>
                      <a:pt x="724581" y="194246"/>
                    </a:lnTo>
                    <a:lnTo>
                      <a:pt x="724581" y="304145"/>
                    </a:lnTo>
                    <a:lnTo>
                      <a:pt x="864054" y="304145"/>
                    </a:lnTo>
                    <a:lnTo>
                      <a:pt x="867456" y="304599"/>
                    </a:lnTo>
                    <a:lnTo>
                      <a:pt x="870631" y="305280"/>
                    </a:lnTo>
                    <a:lnTo>
                      <a:pt x="874033" y="306643"/>
                    </a:lnTo>
                    <a:lnTo>
                      <a:pt x="877208" y="308005"/>
                    </a:lnTo>
                    <a:lnTo>
                      <a:pt x="880156" y="309821"/>
                    </a:lnTo>
                    <a:lnTo>
                      <a:pt x="883104" y="311865"/>
                    </a:lnTo>
                    <a:lnTo>
                      <a:pt x="885826" y="314136"/>
                    </a:lnTo>
                    <a:lnTo>
                      <a:pt x="888547" y="316633"/>
                    </a:lnTo>
                    <a:lnTo>
                      <a:pt x="891495" y="319585"/>
                    </a:lnTo>
                    <a:lnTo>
                      <a:pt x="893536" y="322764"/>
                    </a:lnTo>
                    <a:lnTo>
                      <a:pt x="895578" y="326397"/>
                    </a:lnTo>
                    <a:lnTo>
                      <a:pt x="897392" y="329803"/>
                    </a:lnTo>
                    <a:lnTo>
                      <a:pt x="898526" y="333436"/>
                    </a:lnTo>
                    <a:lnTo>
                      <a:pt x="899660" y="337296"/>
                    </a:lnTo>
                    <a:lnTo>
                      <a:pt x="900113" y="340929"/>
                    </a:lnTo>
                    <a:lnTo>
                      <a:pt x="900113" y="345016"/>
                    </a:lnTo>
                    <a:lnTo>
                      <a:pt x="900113" y="348876"/>
                    </a:lnTo>
                    <a:lnTo>
                      <a:pt x="899433" y="352509"/>
                    </a:lnTo>
                    <a:lnTo>
                      <a:pt x="898526" y="356142"/>
                    </a:lnTo>
                    <a:lnTo>
                      <a:pt x="897165" y="360003"/>
                    </a:lnTo>
                    <a:lnTo>
                      <a:pt x="895578" y="363408"/>
                    </a:lnTo>
                    <a:lnTo>
                      <a:pt x="893536" y="367042"/>
                    </a:lnTo>
                    <a:lnTo>
                      <a:pt x="891042" y="369993"/>
                    </a:lnTo>
                    <a:lnTo>
                      <a:pt x="888320" y="373172"/>
                    </a:lnTo>
                    <a:lnTo>
                      <a:pt x="885599" y="375443"/>
                    </a:lnTo>
                    <a:lnTo>
                      <a:pt x="882877" y="377713"/>
                    </a:lnTo>
                    <a:lnTo>
                      <a:pt x="879929" y="379530"/>
                    </a:lnTo>
                    <a:lnTo>
                      <a:pt x="876981" y="381119"/>
                    </a:lnTo>
                    <a:lnTo>
                      <a:pt x="874033" y="382482"/>
                    </a:lnTo>
                    <a:lnTo>
                      <a:pt x="870631" y="383390"/>
                    </a:lnTo>
                    <a:lnTo>
                      <a:pt x="867456" y="384298"/>
                    </a:lnTo>
                    <a:lnTo>
                      <a:pt x="864281" y="384525"/>
                    </a:lnTo>
                    <a:lnTo>
                      <a:pt x="695552" y="384525"/>
                    </a:lnTo>
                    <a:lnTo>
                      <a:pt x="690790" y="384525"/>
                    </a:lnTo>
                    <a:lnTo>
                      <a:pt x="686481" y="383844"/>
                    </a:lnTo>
                    <a:lnTo>
                      <a:pt x="682172" y="383390"/>
                    </a:lnTo>
                    <a:lnTo>
                      <a:pt x="678543" y="382709"/>
                    </a:lnTo>
                    <a:lnTo>
                      <a:pt x="675142" y="381801"/>
                    </a:lnTo>
                    <a:lnTo>
                      <a:pt x="671740" y="380438"/>
                    </a:lnTo>
                    <a:lnTo>
                      <a:pt x="668792" y="379303"/>
                    </a:lnTo>
                    <a:lnTo>
                      <a:pt x="666070" y="377713"/>
                    </a:lnTo>
                    <a:lnTo>
                      <a:pt x="663576" y="376124"/>
                    </a:lnTo>
                    <a:lnTo>
                      <a:pt x="661308" y="374535"/>
                    </a:lnTo>
                    <a:lnTo>
                      <a:pt x="659040" y="372718"/>
                    </a:lnTo>
                    <a:lnTo>
                      <a:pt x="657226" y="370902"/>
                    </a:lnTo>
                    <a:lnTo>
                      <a:pt x="655638" y="369085"/>
                    </a:lnTo>
                    <a:lnTo>
                      <a:pt x="653824" y="367042"/>
                    </a:lnTo>
                    <a:lnTo>
                      <a:pt x="651329" y="362954"/>
                    </a:lnTo>
                    <a:lnTo>
                      <a:pt x="649288" y="359321"/>
                    </a:lnTo>
                    <a:lnTo>
                      <a:pt x="647927" y="355234"/>
                    </a:lnTo>
                    <a:lnTo>
                      <a:pt x="646793" y="351828"/>
                    </a:lnTo>
                    <a:lnTo>
                      <a:pt x="646340" y="348422"/>
                    </a:lnTo>
                    <a:lnTo>
                      <a:pt x="645886" y="345698"/>
                    </a:lnTo>
                    <a:lnTo>
                      <a:pt x="645660" y="343881"/>
                    </a:lnTo>
                    <a:lnTo>
                      <a:pt x="645660" y="341837"/>
                    </a:lnTo>
                    <a:lnTo>
                      <a:pt x="646113" y="274854"/>
                    </a:lnTo>
                    <a:lnTo>
                      <a:pt x="547008" y="387931"/>
                    </a:lnTo>
                    <a:lnTo>
                      <a:pt x="636588" y="477849"/>
                    </a:lnTo>
                    <a:lnTo>
                      <a:pt x="637722" y="478757"/>
                    </a:lnTo>
                    <a:lnTo>
                      <a:pt x="639990" y="481482"/>
                    </a:lnTo>
                    <a:lnTo>
                      <a:pt x="641351" y="483752"/>
                    </a:lnTo>
                    <a:lnTo>
                      <a:pt x="642938" y="486250"/>
                    </a:lnTo>
                    <a:lnTo>
                      <a:pt x="644299" y="489429"/>
                    </a:lnTo>
                    <a:lnTo>
                      <a:pt x="646113" y="493062"/>
                    </a:lnTo>
                    <a:lnTo>
                      <a:pt x="647474" y="497149"/>
                    </a:lnTo>
                    <a:lnTo>
                      <a:pt x="648608" y="501690"/>
                    </a:lnTo>
                    <a:lnTo>
                      <a:pt x="649288" y="506686"/>
                    </a:lnTo>
                    <a:lnTo>
                      <a:pt x="649968" y="512135"/>
                    </a:lnTo>
                    <a:lnTo>
                      <a:pt x="649968" y="518266"/>
                    </a:lnTo>
                    <a:lnTo>
                      <a:pt x="649061" y="524624"/>
                    </a:lnTo>
                    <a:lnTo>
                      <a:pt x="648608" y="528030"/>
                    </a:lnTo>
                    <a:lnTo>
                      <a:pt x="647927" y="531663"/>
                    </a:lnTo>
                    <a:lnTo>
                      <a:pt x="647020" y="535296"/>
                    </a:lnTo>
                    <a:lnTo>
                      <a:pt x="646113" y="538929"/>
                    </a:lnTo>
                    <a:lnTo>
                      <a:pt x="587602" y="800279"/>
                    </a:lnTo>
                    <a:lnTo>
                      <a:pt x="586468" y="804366"/>
                    </a:lnTo>
                    <a:lnTo>
                      <a:pt x="585108" y="808453"/>
                    </a:lnTo>
                    <a:lnTo>
                      <a:pt x="583293" y="812086"/>
                    </a:lnTo>
                    <a:lnTo>
                      <a:pt x="581252" y="815946"/>
                    </a:lnTo>
                    <a:lnTo>
                      <a:pt x="578984" y="819352"/>
                    </a:lnTo>
                    <a:lnTo>
                      <a:pt x="576263" y="822758"/>
                    </a:lnTo>
                    <a:lnTo>
                      <a:pt x="573542" y="825710"/>
                    </a:lnTo>
                    <a:lnTo>
                      <a:pt x="570367" y="828662"/>
                    </a:lnTo>
                    <a:lnTo>
                      <a:pt x="567192" y="831160"/>
                    </a:lnTo>
                    <a:lnTo>
                      <a:pt x="563563" y="833430"/>
                    </a:lnTo>
                    <a:lnTo>
                      <a:pt x="559934" y="835247"/>
                    </a:lnTo>
                    <a:lnTo>
                      <a:pt x="555852" y="836836"/>
                    </a:lnTo>
                    <a:lnTo>
                      <a:pt x="551997" y="838199"/>
                    </a:lnTo>
                    <a:lnTo>
                      <a:pt x="547688" y="839107"/>
                    </a:lnTo>
                    <a:lnTo>
                      <a:pt x="543152" y="839561"/>
                    </a:lnTo>
                    <a:lnTo>
                      <a:pt x="538843" y="839788"/>
                    </a:lnTo>
                    <a:lnTo>
                      <a:pt x="533627" y="839561"/>
                    </a:lnTo>
                    <a:lnTo>
                      <a:pt x="528638" y="838880"/>
                    </a:lnTo>
                    <a:lnTo>
                      <a:pt x="523876" y="837745"/>
                    </a:lnTo>
                    <a:lnTo>
                      <a:pt x="519567" y="835928"/>
                    </a:lnTo>
                    <a:lnTo>
                      <a:pt x="515258" y="833884"/>
                    </a:lnTo>
                    <a:lnTo>
                      <a:pt x="510949" y="831387"/>
                    </a:lnTo>
                    <a:lnTo>
                      <a:pt x="507320" y="828662"/>
                    </a:lnTo>
                    <a:lnTo>
                      <a:pt x="503692" y="825483"/>
                    </a:lnTo>
                    <a:lnTo>
                      <a:pt x="500517" y="821850"/>
                    </a:lnTo>
                    <a:lnTo>
                      <a:pt x="497568" y="817990"/>
                    </a:lnTo>
                    <a:lnTo>
                      <a:pt x="495074" y="813903"/>
                    </a:lnTo>
                    <a:lnTo>
                      <a:pt x="493033" y="809362"/>
                    </a:lnTo>
                    <a:lnTo>
                      <a:pt x="491218" y="805047"/>
                    </a:lnTo>
                    <a:lnTo>
                      <a:pt x="490084" y="800279"/>
                    </a:lnTo>
                    <a:lnTo>
                      <a:pt x="489404" y="795284"/>
                    </a:lnTo>
                    <a:lnTo>
                      <a:pt x="489177" y="790288"/>
                    </a:lnTo>
                    <a:lnTo>
                      <a:pt x="489177" y="786882"/>
                    </a:lnTo>
                    <a:lnTo>
                      <a:pt x="489631" y="783703"/>
                    </a:lnTo>
                    <a:lnTo>
                      <a:pt x="490084" y="780752"/>
                    </a:lnTo>
                    <a:lnTo>
                      <a:pt x="490538" y="777800"/>
                    </a:lnTo>
                    <a:lnTo>
                      <a:pt x="538843" y="563225"/>
                    </a:lnTo>
                    <a:lnTo>
                      <a:pt x="420234" y="447876"/>
                    </a:lnTo>
                    <a:lnTo>
                      <a:pt x="318181" y="561635"/>
                    </a:lnTo>
                    <a:lnTo>
                      <a:pt x="317274" y="562543"/>
                    </a:lnTo>
                    <a:lnTo>
                      <a:pt x="314779" y="564814"/>
                    </a:lnTo>
                    <a:lnTo>
                      <a:pt x="312738" y="566403"/>
                    </a:lnTo>
                    <a:lnTo>
                      <a:pt x="310697" y="568220"/>
                    </a:lnTo>
                    <a:lnTo>
                      <a:pt x="307522" y="569809"/>
                    </a:lnTo>
                    <a:lnTo>
                      <a:pt x="304347" y="571853"/>
                    </a:lnTo>
                    <a:lnTo>
                      <a:pt x="300491" y="573669"/>
                    </a:lnTo>
                    <a:lnTo>
                      <a:pt x="295956" y="575259"/>
                    </a:lnTo>
                    <a:lnTo>
                      <a:pt x="291193" y="576848"/>
                    </a:lnTo>
                    <a:lnTo>
                      <a:pt x="285750" y="578438"/>
                    </a:lnTo>
                    <a:lnTo>
                      <a:pt x="279400" y="579346"/>
                    </a:lnTo>
                    <a:lnTo>
                      <a:pt x="272824" y="580027"/>
                    </a:lnTo>
                    <a:lnTo>
                      <a:pt x="265566" y="580708"/>
                    </a:lnTo>
                    <a:lnTo>
                      <a:pt x="257856" y="580708"/>
                    </a:lnTo>
                    <a:lnTo>
                      <a:pt x="50573" y="580936"/>
                    </a:lnTo>
                    <a:lnTo>
                      <a:pt x="46491" y="580936"/>
                    </a:lnTo>
                    <a:lnTo>
                      <a:pt x="42182" y="580254"/>
                    </a:lnTo>
                    <a:lnTo>
                      <a:pt x="37873" y="579573"/>
                    </a:lnTo>
                    <a:lnTo>
                      <a:pt x="34018" y="578438"/>
                    </a:lnTo>
                    <a:lnTo>
                      <a:pt x="30163" y="576848"/>
                    </a:lnTo>
                    <a:lnTo>
                      <a:pt x="26081" y="575032"/>
                    </a:lnTo>
                    <a:lnTo>
                      <a:pt x="22679" y="572761"/>
                    </a:lnTo>
                    <a:lnTo>
                      <a:pt x="19277" y="570264"/>
                    </a:lnTo>
                    <a:lnTo>
                      <a:pt x="16329" y="567993"/>
                    </a:lnTo>
                    <a:lnTo>
                      <a:pt x="13154" y="564814"/>
                    </a:lnTo>
                    <a:lnTo>
                      <a:pt x="10432" y="561635"/>
                    </a:lnTo>
                    <a:lnTo>
                      <a:pt x="7938" y="558229"/>
                    </a:lnTo>
                    <a:lnTo>
                      <a:pt x="5670" y="554369"/>
                    </a:lnTo>
                    <a:lnTo>
                      <a:pt x="4082" y="550736"/>
                    </a:lnTo>
                    <a:lnTo>
                      <a:pt x="2495" y="546422"/>
                    </a:lnTo>
                    <a:lnTo>
                      <a:pt x="1361" y="542108"/>
                    </a:lnTo>
                    <a:lnTo>
                      <a:pt x="454" y="537112"/>
                    </a:lnTo>
                    <a:lnTo>
                      <a:pt x="0" y="532117"/>
                    </a:lnTo>
                    <a:lnTo>
                      <a:pt x="227" y="527121"/>
                    </a:lnTo>
                    <a:lnTo>
                      <a:pt x="681" y="522353"/>
                    </a:lnTo>
                    <a:lnTo>
                      <a:pt x="1815" y="517812"/>
                    </a:lnTo>
                    <a:lnTo>
                      <a:pt x="3175" y="513271"/>
                    </a:lnTo>
                    <a:lnTo>
                      <a:pt x="5216" y="508956"/>
                    </a:lnTo>
                    <a:lnTo>
                      <a:pt x="7484" y="504642"/>
                    </a:lnTo>
                    <a:lnTo>
                      <a:pt x="10206" y="500782"/>
                    </a:lnTo>
                    <a:lnTo>
                      <a:pt x="13381" y="497149"/>
                    </a:lnTo>
                    <a:lnTo>
                      <a:pt x="16782" y="493970"/>
                    </a:lnTo>
                    <a:lnTo>
                      <a:pt x="20411" y="491018"/>
                    </a:lnTo>
                    <a:lnTo>
                      <a:pt x="24720" y="488294"/>
                    </a:lnTo>
                    <a:lnTo>
                      <a:pt x="29029" y="486250"/>
                    </a:lnTo>
                    <a:lnTo>
                      <a:pt x="33565" y="484206"/>
                    </a:lnTo>
                    <a:lnTo>
                      <a:pt x="38554" y="483071"/>
                    </a:lnTo>
                    <a:lnTo>
                      <a:pt x="41729" y="482617"/>
                    </a:lnTo>
                    <a:lnTo>
                      <a:pt x="44904" y="481936"/>
                    </a:lnTo>
                    <a:lnTo>
                      <a:pt x="47852" y="481709"/>
                    </a:lnTo>
                    <a:lnTo>
                      <a:pt x="50800" y="481936"/>
                    </a:lnTo>
                    <a:lnTo>
                      <a:pt x="229054" y="482390"/>
                    </a:lnTo>
                    <a:lnTo>
                      <a:pt x="492352" y="176762"/>
                    </a:lnTo>
                    <a:lnTo>
                      <a:pt x="423409" y="176308"/>
                    </a:lnTo>
                    <a:lnTo>
                      <a:pt x="304120" y="314590"/>
                    </a:lnTo>
                    <a:lnTo>
                      <a:pt x="301172" y="317769"/>
                    </a:lnTo>
                    <a:lnTo>
                      <a:pt x="298224" y="320493"/>
                    </a:lnTo>
                    <a:lnTo>
                      <a:pt x="294595" y="322991"/>
                    </a:lnTo>
                    <a:lnTo>
                      <a:pt x="290966" y="325035"/>
                    </a:lnTo>
                    <a:lnTo>
                      <a:pt x="286884" y="326624"/>
                    </a:lnTo>
                    <a:lnTo>
                      <a:pt x="283029" y="327759"/>
                    </a:lnTo>
                    <a:lnTo>
                      <a:pt x="278720" y="328441"/>
                    </a:lnTo>
                    <a:lnTo>
                      <a:pt x="274184" y="328895"/>
                    </a:lnTo>
                    <a:lnTo>
                      <a:pt x="270329" y="328441"/>
                    </a:lnTo>
                    <a:lnTo>
                      <a:pt x="266247" y="327987"/>
                    </a:lnTo>
                    <a:lnTo>
                      <a:pt x="262391" y="327078"/>
                    </a:lnTo>
                    <a:lnTo>
                      <a:pt x="258990" y="325716"/>
                    </a:lnTo>
                    <a:lnTo>
                      <a:pt x="255815" y="324126"/>
                    </a:lnTo>
                    <a:lnTo>
                      <a:pt x="252413" y="322310"/>
                    </a:lnTo>
                    <a:lnTo>
                      <a:pt x="249465" y="320039"/>
                    </a:lnTo>
                    <a:lnTo>
                      <a:pt x="246743" y="317542"/>
                    </a:lnTo>
                    <a:lnTo>
                      <a:pt x="244249" y="314817"/>
                    </a:lnTo>
                    <a:lnTo>
                      <a:pt x="241981" y="311865"/>
                    </a:lnTo>
                    <a:lnTo>
                      <a:pt x="240166" y="308686"/>
                    </a:lnTo>
                    <a:lnTo>
                      <a:pt x="238579" y="305053"/>
                    </a:lnTo>
                    <a:lnTo>
                      <a:pt x="237218" y="301647"/>
                    </a:lnTo>
                    <a:lnTo>
                      <a:pt x="236311" y="297787"/>
                    </a:lnTo>
                    <a:lnTo>
                      <a:pt x="235631" y="294154"/>
                    </a:lnTo>
                    <a:lnTo>
                      <a:pt x="235631" y="290067"/>
                    </a:lnTo>
                    <a:lnTo>
                      <a:pt x="235858" y="285980"/>
                    </a:lnTo>
                    <a:lnTo>
                      <a:pt x="236311" y="281666"/>
                    </a:lnTo>
                    <a:lnTo>
                      <a:pt x="237672" y="277578"/>
                    </a:lnTo>
                    <a:lnTo>
                      <a:pt x="239033" y="273945"/>
                    </a:lnTo>
                    <a:lnTo>
                      <a:pt x="240847" y="270312"/>
                    </a:lnTo>
                    <a:lnTo>
                      <a:pt x="243115" y="266906"/>
                    </a:lnTo>
                    <a:lnTo>
                      <a:pt x="245609" y="263955"/>
                    </a:lnTo>
                    <a:lnTo>
                      <a:pt x="248558" y="261230"/>
                    </a:lnTo>
                    <a:lnTo>
                      <a:pt x="377372" y="112503"/>
                    </a:lnTo>
                    <a:lnTo>
                      <a:pt x="380093" y="109324"/>
                    </a:lnTo>
                    <a:lnTo>
                      <a:pt x="383495" y="106599"/>
                    </a:lnTo>
                    <a:lnTo>
                      <a:pt x="386897" y="104556"/>
                    </a:lnTo>
                    <a:lnTo>
                      <a:pt x="390299" y="102512"/>
                    </a:lnTo>
                    <a:lnTo>
                      <a:pt x="394381" y="100696"/>
                    </a:lnTo>
                    <a:lnTo>
                      <a:pt x="398236" y="99560"/>
                    </a:lnTo>
                    <a:lnTo>
                      <a:pt x="402772" y="98652"/>
                    </a:lnTo>
                    <a:lnTo>
                      <a:pt x="407081" y="98425"/>
                    </a:lnTo>
                    <a:close/>
                    <a:moveTo>
                      <a:pt x="706437" y="0"/>
                    </a:moveTo>
                    <a:lnTo>
                      <a:pt x="710520" y="0"/>
                    </a:lnTo>
                    <a:lnTo>
                      <a:pt x="714375" y="0"/>
                    </a:lnTo>
                    <a:lnTo>
                      <a:pt x="718230" y="453"/>
                    </a:lnTo>
                    <a:lnTo>
                      <a:pt x="722086" y="907"/>
                    </a:lnTo>
                    <a:lnTo>
                      <a:pt x="725941" y="1361"/>
                    </a:lnTo>
                    <a:lnTo>
                      <a:pt x="729570" y="2495"/>
                    </a:lnTo>
                    <a:lnTo>
                      <a:pt x="733425" y="3402"/>
                    </a:lnTo>
                    <a:lnTo>
                      <a:pt x="736827" y="4762"/>
                    </a:lnTo>
                    <a:lnTo>
                      <a:pt x="740455" y="5896"/>
                    </a:lnTo>
                    <a:lnTo>
                      <a:pt x="743857" y="7711"/>
                    </a:lnTo>
                    <a:lnTo>
                      <a:pt x="747032" y="9298"/>
                    </a:lnTo>
                    <a:lnTo>
                      <a:pt x="750434" y="11112"/>
                    </a:lnTo>
                    <a:lnTo>
                      <a:pt x="753609" y="13153"/>
                    </a:lnTo>
                    <a:lnTo>
                      <a:pt x="756557" y="15195"/>
                    </a:lnTo>
                    <a:lnTo>
                      <a:pt x="759279" y="17689"/>
                    </a:lnTo>
                    <a:lnTo>
                      <a:pt x="762227" y="19957"/>
                    </a:lnTo>
                    <a:lnTo>
                      <a:pt x="764722" y="22679"/>
                    </a:lnTo>
                    <a:lnTo>
                      <a:pt x="767670" y="25173"/>
                    </a:lnTo>
                    <a:lnTo>
                      <a:pt x="769711" y="27895"/>
                    </a:lnTo>
                    <a:lnTo>
                      <a:pt x="771979" y="30843"/>
                    </a:lnTo>
                    <a:lnTo>
                      <a:pt x="774247" y="33791"/>
                    </a:lnTo>
                    <a:lnTo>
                      <a:pt x="776288" y="37193"/>
                    </a:lnTo>
                    <a:lnTo>
                      <a:pt x="778329" y="40368"/>
                    </a:lnTo>
                    <a:lnTo>
                      <a:pt x="779690" y="43543"/>
                    </a:lnTo>
                    <a:lnTo>
                      <a:pt x="781504" y="47171"/>
                    </a:lnTo>
                    <a:lnTo>
                      <a:pt x="782865" y="50573"/>
                    </a:lnTo>
                    <a:lnTo>
                      <a:pt x="783998" y="53975"/>
                    </a:lnTo>
                    <a:lnTo>
                      <a:pt x="784906" y="57830"/>
                    </a:lnTo>
                    <a:lnTo>
                      <a:pt x="786040" y="61459"/>
                    </a:lnTo>
                    <a:lnTo>
                      <a:pt x="786493" y="65314"/>
                    </a:lnTo>
                    <a:lnTo>
                      <a:pt x="786947" y="68943"/>
                    </a:lnTo>
                    <a:lnTo>
                      <a:pt x="787400" y="73025"/>
                    </a:lnTo>
                    <a:lnTo>
                      <a:pt x="787400" y="77107"/>
                    </a:lnTo>
                    <a:lnTo>
                      <a:pt x="787400" y="80963"/>
                    </a:lnTo>
                    <a:lnTo>
                      <a:pt x="786947" y="84818"/>
                    </a:lnTo>
                    <a:lnTo>
                      <a:pt x="786493" y="88673"/>
                    </a:lnTo>
                    <a:lnTo>
                      <a:pt x="786040" y="92529"/>
                    </a:lnTo>
                    <a:lnTo>
                      <a:pt x="784906" y="96157"/>
                    </a:lnTo>
                    <a:lnTo>
                      <a:pt x="783998" y="100013"/>
                    </a:lnTo>
                    <a:lnTo>
                      <a:pt x="782865" y="103415"/>
                    </a:lnTo>
                    <a:lnTo>
                      <a:pt x="781504" y="106817"/>
                    </a:lnTo>
                    <a:lnTo>
                      <a:pt x="779690" y="110445"/>
                    </a:lnTo>
                    <a:lnTo>
                      <a:pt x="778329" y="113620"/>
                    </a:lnTo>
                    <a:lnTo>
                      <a:pt x="776288" y="116795"/>
                    </a:lnTo>
                    <a:lnTo>
                      <a:pt x="774247" y="120197"/>
                    </a:lnTo>
                    <a:lnTo>
                      <a:pt x="772206" y="123145"/>
                    </a:lnTo>
                    <a:lnTo>
                      <a:pt x="769711" y="125867"/>
                    </a:lnTo>
                    <a:lnTo>
                      <a:pt x="767670" y="128815"/>
                    </a:lnTo>
                    <a:lnTo>
                      <a:pt x="764722" y="131309"/>
                    </a:lnTo>
                    <a:lnTo>
                      <a:pt x="762227" y="134031"/>
                    </a:lnTo>
                    <a:lnTo>
                      <a:pt x="759279" y="136299"/>
                    </a:lnTo>
                    <a:lnTo>
                      <a:pt x="756557" y="138567"/>
                    </a:lnTo>
                    <a:lnTo>
                      <a:pt x="753609" y="140835"/>
                    </a:lnTo>
                    <a:lnTo>
                      <a:pt x="750434" y="142876"/>
                    </a:lnTo>
                    <a:lnTo>
                      <a:pt x="747032" y="144690"/>
                    </a:lnTo>
                    <a:lnTo>
                      <a:pt x="743857" y="146277"/>
                    </a:lnTo>
                    <a:lnTo>
                      <a:pt x="740455" y="148092"/>
                    </a:lnTo>
                    <a:lnTo>
                      <a:pt x="736827" y="149226"/>
                    </a:lnTo>
                    <a:lnTo>
                      <a:pt x="733425" y="150586"/>
                    </a:lnTo>
                    <a:lnTo>
                      <a:pt x="729570" y="151493"/>
                    </a:lnTo>
                    <a:lnTo>
                      <a:pt x="725941" y="152627"/>
                    </a:lnTo>
                    <a:lnTo>
                      <a:pt x="722086" y="153081"/>
                    </a:lnTo>
                    <a:lnTo>
                      <a:pt x="718230" y="153535"/>
                    </a:lnTo>
                    <a:lnTo>
                      <a:pt x="714375" y="153988"/>
                    </a:lnTo>
                    <a:lnTo>
                      <a:pt x="710520" y="153988"/>
                    </a:lnTo>
                    <a:lnTo>
                      <a:pt x="706437" y="153988"/>
                    </a:lnTo>
                    <a:lnTo>
                      <a:pt x="702582" y="153535"/>
                    </a:lnTo>
                    <a:lnTo>
                      <a:pt x="698727" y="153081"/>
                    </a:lnTo>
                    <a:lnTo>
                      <a:pt x="695098" y="152627"/>
                    </a:lnTo>
                    <a:lnTo>
                      <a:pt x="691243" y="151493"/>
                    </a:lnTo>
                    <a:lnTo>
                      <a:pt x="687614" y="150586"/>
                    </a:lnTo>
                    <a:lnTo>
                      <a:pt x="683986" y="149226"/>
                    </a:lnTo>
                    <a:lnTo>
                      <a:pt x="680584" y="148092"/>
                    </a:lnTo>
                    <a:lnTo>
                      <a:pt x="677182" y="146277"/>
                    </a:lnTo>
                    <a:lnTo>
                      <a:pt x="673553" y="144690"/>
                    </a:lnTo>
                    <a:lnTo>
                      <a:pt x="670605" y="142876"/>
                    </a:lnTo>
                    <a:lnTo>
                      <a:pt x="667430" y="140835"/>
                    </a:lnTo>
                    <a:lnTo>
                      <a:pt x="664255" y="138567"/>
                    </a:lnTo>
                    <a:lnTo>
                      <a:pt x="661307" y="136299"/>
                    </a:lnTo>
                    <a:lnTo>
                      <a:pt x="658586" y="134031"/>
                    </a:lnTo>
                    <a:lnTo>
                      <a:pt x="655864" y="131309"/>
                    </a:lnTo>
                    <a:lnTo>
                      <a:pt x="653369" y="128815"/>
                    </a:lnTo>
                    <a:lnTo>
                      <a:pt x="650875" y="125867"/>
                    </a:lnTo>
                    <a:lnTo>
                      <a:pt x="648607" y="123145"/>
                    </a:lnTo>
                    <a:lnTo>
                      <a:pt x="646566" y="120197"/>
                    </a:lnTo>
                    <a:lnTo>
                      <a:pt x="644752" y="116795"/>
                    </a:lnTo>
                    <a:lnTo>
                      <a:pt x="642710" y="113620"/>
                    </a:lnTo>
                    <a:lnTo>
                      <a:pt x="640896" y="110445"/>
                    </a:lnTo>
                    <a:lnTo>
                      <a:pt x="639535" y="106817"/>
                    </a:lnTo>
                    <a:lnTo>
                      <a:pt x="638175" y="103415"/>
                    </a:lnTo>
                    <a:lnTo>
                      <a:pt x="637041" y="100013"/>
                    </a:lnTo>
                    <a:lnTo>
                      <a:pt x="635907" y="96157"/>
                    </a:lnTo>
                    <a:lnTo>
                      <a:pt x="635000" y="92529"/>
                    </a:lnTo>
                    <a:lnTo>
                      <a:pt x="634546" y="88673"/>
                    </a:lnTo>
                    <a:lnTo>
                      <a:pt x="633866" y="84818"/>
                    </a:lnTo>
                    <a:lnTo>
                      <a:pt x="633412" y="80963"/>
                    </a:lnTo>
                    <a:lnTo>
                      <a:pt x="633412" y="77107"/>
                    </a:lnTo>
                    <a:lnTo>
                      <a:pt x="633412" y="73025"/>
                    </a:lnTo>
                    <a:lnTo>
                      <a:pt x="633866" y="68943"/>
                    </a:lnTo>
                    <a:lnTo>
                      <a:pt x="634546" y="65314"/>
                    </a:lnTo>
                    <a:lnTo>
                      <a:pt x="635000" y="61232"/>
                    </a:lnTo>
                    <a:lnTo>
                      <a:pt x="635907" y="57830"/>
                    </a:lnTo>
                    <a:lnTo>
                      <a:pt x="637041" y="53975"/>
                    </a:lnTo>
                    <a:lnTo>
                      <a:pt x="638175" y="50573"/>
                    </a:lnTo>
                    <a:lnTo>
                      <a:pt x="639535" y="47171"/>
                    </a:lnTo>
                    <a:lnTo>
                      <a:pt x="640896" y="43543"/>
                    </a:lnTo>
                    <a:lnTo>
                      <a:pt x="642710" y="40368"/>
                    </a:lnTo>
                    <a:lnTo>
                      <a:pt x="644752" y="37193"/>
                    </a:lnTo>
                    <a:lnTo>
                      <a:pt x="646566" y="33791"/>
                    </a:lnTo>
                    <a:lnTo>
                      <a:pt x="648607" y="30843"/>
                    </a:lnTo>
                    <a:lnTo>
                      <a:pt x="650875" y="27895"/>
                    </a:lnTo>
                    <a:lnTo>
                      <a:pt x="653369" y="25173"/>
                    </a:lnTo>
                    <a:lnTo>
                      <a:pt x="655864" y="22452"/>
                    </a:lnTo>
                    <a:lnTo>
                      <a:pt x="658586" y="19957"/>
                    </a:lnTo>
                    <a:lnTo>
                      <a:pt x="661307" y="17689"/>
                    </a:lnTo>
                    <a:lnTo>
                      <a:pt x="664255" y="15195"/>
                    </a:lnTo>
                    <a:lnTo>
                      <a:pt x="667430" y="13153"/>
                    </a:lnTo>
                    <a:lnTo>
                      <a:pt x="670605" y="11112"/>
                    </a:lnTo>
                    <a:lnTo>
                      <a:pt x="673553" y="9298"/>
                    </a:lnTo>
                    <a:lnTo>
                      <a:pt x="677182" y="7484"/>
                    </a:lnTo>
                    <a:lnTo>
                      <a:pt x="680584" y="5896"/>
                    </a:lnTo>
                    <a:lnTo>
                      <a:pt x="683986" y="4762"/>
                    </a:lnTo>
                    <a:lnTo>
                      <a:pt x="687614" y="3402"/>
                    </a:lnTo>
                    <a:lnTo>
                      <a:pt x="691243" y="2495"/>
                    </a:lnTo>
                    <a:lnTo>
                      <a:pt x="695098" y="1361"/>
                    </a:lnTo>
                    <a:lnTo>
                      <a:pt x="698727" y="907"/>
                    </a:lnTo>
                    <a:lnTo>
                      <a:pt x="702582" y="453"/>
                    </a:lnTo>
                    <a:lnTo>
                      <a:pt x="706437" y="0"/>
                    </a:lnTo>
                    <a:close/>
                  </a:path>
                </a:pathLst>
              </a:custGeom>
              <a:solidFill>
                <a:schemeClr val="bg1">
                  <a:lumMod val="75000"/>
                </a:schemeClr>
              </a:solidFill>
              <a:ln>
                <a:noFill/>
              </a:ln>
            </p:spPr>
            <p:txBody>
              <a:bodyPr anchor="ctr">
                <a:scene3d>
                  <a:camera prst="orthographicFront"/>
                  <a:lightRig rig="threePt" dir="t"/>
                </a:scene3d>
                <a:sp3d>
                  <a:contourClr>
                    <a:srgbClr val="FFFFFF"/>
                  </a:contourClr>
                </a:sp3d>
              </a:bodyPr>
              <a:lstStyle/>
              <a:p>
                <a:pPr algn="ctr">
                  <a:defRPr/>
                </a:pPr>
                <a:endParaRPr lang="zh-CN" altLang="en-US">
                  <a:solidFill>
                    <a:srgbClr val="FFFFFF"/>
                  </a:solidFill>
                </a:endParaRPr>
              </a:p>
            </p:txBody>
          </p:sp>
          <p:sp>
            <p:nvSpPr>
              <p:cNvPr id="42" name="矩形 41"/>
              <p:cNvSpPr/>
              <p:nvPr/>
            </p:nvSpPr>
            <p:spPr>
              <a:xfrm rot="19576579">
                <a:off x="5256655" y="3004686"/>
                <a:ext cx="2402281" cy="45719"/>
              </a:xfrm>
              <a:prstGeom prst="rect">
                <a:avLst/>
              </a:prstGeom>
              <a:solidFill>
                <a:srgbClr val="BFBFBF"/>
              </a:solidFill>
              <a:ln>
                <a:noFill/>
              </a:ln>
              <a:effectLst/>
              <a:scene3d>
                <a:camera prst="orthographicFront">
                  <a:rot lat="0" lon="0" rev="0"/>
                </a:camera>
                <a:lightRig rig="glow" dir="t">
                  <a:rot lat="0" lon="0" rev="14100000"/>
                </a:lightRig>
              </a:scene3d>
              <a:sp3d prstMaterial="softEdge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wrap="square" rtlCol="0" anchor="ctr">
                <a:noAutofit/>
              </a:bodyPr>
              <a:lstStyle/>
              <a:p>
                <a:pPr algn="ctr"/>
                <a:endParaRPr lang="zh-CN" altLang="en-US" dirty="0">
                  <a:solidFill>
                    <a:srgbClr val="FFFFFF"/>
                  </a:solidFill>
                  <a:latin typeface="+mn-ea"/>
                </a:endParaRPr>
              </a:p>
            </p:txBody>
          </p:sp>
        </p:grpSp>
      </p:grpSp>
      <p:sp>
        <p:nvSpPr>
          <p:cNvPr id="43" name="矩形 42"/>
          <p:cNvSpPr/>
          <p:nvPr/>
        </p:nvSpPr>
        <p:spPr>
          <a:xfrm>
            <a:off x="8031535" y="4048567"/>
            <a:ext cx="3202334" cy="6254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800" dirty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Click to enter a brief text content, text content needs to be summarized and refined, concise description of the content of the section</a:t>
            </a:r>
            <a:r>
              <a:rPr lang="en-US" altLang="zh-CN" sz="800" dirty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......</a:t>
            </a:r>
          </a:p>
        </p:txBody>
      </p:sp>
      <p:sp>
        <p:nvSpPr>
          <p:cNvPr id="44" name="矩形 43"/>
          <p:cNvSpPr/>
          <p:nvPr/>
        </p:nvSpPr>
        <p:spPr>
          <a:xfrm>
            <a:off x="8031535" y="4842849"/>
            <a:ext cx="3202334" cy="6254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800" dirty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Click to enter a brief text content, text content needs to be summarized and refined, concise description of the content of the section</a:t>
            </a:r>
            <a:r>
              <a:rPr lang="en-US" altLang="zh-CN" sz="800" dirty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......</a:t>
            </a:r>
          </a:p>
        </p:txBody>
      </p:sp>
      <p:sp>
        <p:nvSpPr>
          <p:cNvPr id="45" name="矩形 44"/>
          <p:cNvSpPr/>
          <p:nvPr/>
        </p:nvSpPr>
        <p:spPr>
          <a:xfrm>
            <a:off x="8031535" y="3258501"/>
            <a:ext cx="3202334" cy="6254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800" dirty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Click to enter a brief text content, text content needs to be summarized and refined, concise description of the content of the section</a:t>
            </a:r>
            <a:r>
              <a:rPr lang="en-US" altLang="zh-CN" sz="800" dirty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......</a:t>
            </a:r>
          </a:p>
        </p:txBody>
      </p:sp>
      <p:sp>
        <p:nvSpPr>
          <p:cNvPr id="46" name="矩形 45"/>
          <p:cNvSpPr/>
          <p:nvPr/>
        </p:nvSpPr>
        <p:spPr>
          <a:xfrm>
            <a:off x="8031535" y="2462518"/>
            <a:ext cx="3202334" cy="6254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800" dirty="0">
                <a:solidFill>
                  <a:schemeClr val="bg1"/>
                </a:solidFill>
                <a:latin typeface="微软雅黑 Light" pitchFamily="34" charset="-122"/>
                <a:ea typeface="微软雅黑 Light" pitchFamily="34" charset="-122"/>
              </a:rPr>
              <a:t>Click to enter a brief text content, text content should be summarized refined, without the extra text decoration, concise description of the content.</a:t>
            </a:r>
            <a:endParaRPr lang="en-US" altLang="zh-CN" sz="800" dirty="0">
              <a:solidFill>
                <a:schemeClr val="bg1"/>
              </a:solidFill>
              <a:latin typeface="微软雅黑 Light" pitchFamily="34" charset="-122"/>
              <a:ea typeface="微软雅黑 Light" pitchFamily="34" charset="-122"/>
            </a:endParaRPr>
          </a:p>
        </p:txBody>
      </p:sp>
      <p:sp>
        <p:nvSpPr>
          <p:cNvPr id="47" name="矩形 46"/>
          <p:cNvSpPr/>
          <p:nvPr/>
        </p:nvSpPr>
        <p:spPr>
          <a:xfrm>
            <a:off x="993622" y="2803299"/>
            <a:ext cx="3763828" cy="7954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>
                <a:latin typeface="微软雅黑 Light" pitchFamily="34" charset="-122"/>
                <a:ea typeface="微软雅黑 Light" pitchFamily="34" charset="-122"/>
              </a:rPr>
              <a:t>Click to enter a brief text content, text content should be summarized refined, without the extra text decoration, concise description of the content. Click to enter a brief text content, text content needs to be summarized and refined, concise description of the content of the section</a:t>
            </a:r>
            <a:r>
              <a:rPr lang="en-US" altLang="zh-CN" sz="1050" dirty="0">
                <a:latin typeface="微软雅黑 Light" pitchFamily="34" charset="-122"/>
                <a:ea typeface="微软雅黑 Light" pitchFamily="34" charset="-122"/>
              </a:rPr>
              <a:t>......</a:t>
            </a:r>
          </a:p>
        </p:txBody>
      </p:sp>
      <p:sp>
        <p:nvSpPr>
          <p:cNvPr id="48" name="文本框 47"/>
          <p:cNvSpPr txBox="1"/>
          <p:nvPr/>
        </p:nvSpPr>
        <p:spPr>
          <a:xfrm>
            <a:off x="993622" y="2287561"/>
            <a:ext cx="2268825" cy="400110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txBody>
          <a:bodyPr wrap="square">
            <a:spAutoFit/>
          </a:bodyPr>
          <a:lstStyle>
            <a:defPPr>
              <a:defRPr lang="zh-CN"/>
            </a:defPPr>
            <a:lvl1pPr>
              <a:defRPr sz="2400">
                <a:solidFill>
                  <a:schemeClr val="bg2">
                    <a:lumMod val="25000"/>
                    <a:alpha val="85000"/>
                  </a:schemeClr>
                </a:solidFill>
                <a:latin typeface="+mn-ea"/>
              </a:defRPr>
            </a:lvl1pPr>
          </a:lstStyle>
          <a:p>
            <a:r>
              <a:rPr lang="zh-CN" altLang="en-US" sz="2000" b="1">
                <a:solidFill>
                  <a:schemeClr val="bg1"/>
                </a:solidFill>
                <a:latin typeface="+mj-ea"/>
                <a:ea typeface="+mj-ea"/>
              </a:rPr>
              <a:t>Click here to add a title</a:t>
            </a:r>
          </a:p>
        </p:txBody>
      </p:sp>
      <p:sp>
        <p:nvSpPr>
          <p:cNvPr id="49" name="矩形 48"/>
          <p:cNvSpPr/>
          <p:nvPr/>
        </p:nvSpPr>
        <p:spPr>
          <a:xfrm>
            <a:off x="933417" y="4770848"/>
            <a:ext cx="3884238" cy="7954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</a:pPr>
            <a:r>
              <a:rPr lang="zh-CN" altLang="en-US" sz="1050" dirty="0">
                <a:latin typeface="微软雅黑 Light" pitchFamily="34" charset="-122"/>
                <a:ea typeface="微软雅黑 Light" pitchFamily="34" charset="-122"/>
              </a:rPr>
              <a:t>Click to enter a brief text content, text content should be summarized refined, without the extra text decoration, concise description of the content. Click to enter a brief text content, text content needs to be summarized and refined, concise description of the content of the section</a:t>
            </a:r>
            <a:r>
              <a:rPr lang="en-US" altLang="zh-CN" sz="1050" dirty="0">
                <a:latin typeface="微软雅黑 Light" pitchFamily="34" charset="-122"/>
                <a:ea typeface="微软雅黑 Light" pitchFamily="34" charset="-122"/>
              </a:rPr>
              <a:t>......</a:t>
            </a:r>
          </a:p>
        </p:txBody>
      </p:sp>
      <p:sp>
        <p:nvSpPr>
          <p:cNvPr id="50" name="文本框 49"/>
          <p:cNvSpPr txBox="1"/>
          <p:nvPr/>
        </p:nvSpPr>
        <p:spPr>
          <a:xfrm>
            <a:off x="993622" y="4335662"/>
            <a:ext cx="2268825" cy="400110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txBody>
          <a:bodyPr wrap="square">
            <a:spAutoFit/>
          </a:bodyPr>
          <a:lstStyle>
            <a:defPPr>
              <a:defRPr lang="zh-CN"/>
            </a:defPPr>
            <a:lvl1pPr>
              <a:defRPr sz="2400">
                <a:solidFill>
                  <a:schemeClr val="bg2">
                    <a:lumMod val="25000"/>
                    <a:alpha val="85000"/>
                  </a:schemeClr>
                </a:solidFill>
                <a:latin typeface="+mn-ea"/>
              </a:defRPr>
            </a:lvl1pPr>
          </a:lstStyle>
          <a:p>
            <a:r>
              <a:rPr lang="zh-CN" altLang="en-US" sz="2000" b="1">
                <a:solidFill>
                  <a:schemeClr val="bg1"/>
                </a:solidFill>
                <a:latin typeface="+mj-ea"/>
                <a:ea typeface="+mj-ea"/>
              </a:rPr>
              <a:t>Click here to add a title</a:t>
            </a:r>
          </a:p>
        </p:txBody>
      </p:sp>
    </p:spTree>
    <p:extLst>
      <p:ext uri="{BB962C8B-B14F-4D97-AF65-F5344CB8AC3E}">
        <p14:creationId xmlns:p14="http://schemas.microsoft.com/office/powerpoint/2010/main" val="3071047010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2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500"/>
                            </p:stCondLst>
                            <p:childTnLst>
                              <p:par>
                                <p:cTn id="1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5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2" presetClass="entr" presetSubtype="1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24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55" presetClass="entr" presetSubtype="0" fill="hold" grpId="0" nodeType="withEffect">
                                  <p:stCondLst>
                                    <p:cond delay="1000"/>
                                  </p:stCondLst>
                                  <p:iterate type="lt">
                                    <p:tmPct val="1402"/>
                                  </p:iterate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fill="hold"/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4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22" presetClass="entr" presetSubtype="1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32" dur="5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55" presetClass="entr" presetSubtype="0" fill="hold" grpId="0" nodeType="withEffect">
                                  <p:stCondLst>
                                    <p:cond delay="1500"/>
                                  </p:stCondLst>
                                  <p:iterate type="lt">
                                    <p:tmPct val="1210"/>
                                  </p:iterate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4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3" grpId="0"/>
      <p:bldP spid="44" grpId="0"/>
      <p:bldP spid="45" grpId="0"/>
      <p:bldP spid="46" grpId="0"/>
      <p:bldP spid="47" grpId="0" build="p"/>
      <p:bldP spid="48" grpId="0" animBg="1"/>
      <p:bldP spid="49" grpId="0" build="p"/>
      <p:bldP spid="50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2" name="组合 1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39" name="矩形 38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0" name="矩形 39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1" name="矩形 40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2" name="矩形 41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43" name="矩形 42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15" name="组合 14"/>
          <p:cNvGrpSpPr/>
          <p:nvPr/>
        </p:nvGrpSpPr>
        <p:grpSpPr>
          <a:xfrm>
            <a:off x="3747949" y="2151514"/>
            <a:ext cx="1999304" cy="1533571"/>
            <a:chOff x="2890838" y="4437063"/>
            <a:chExt cx="279398" cy="214313"/>
          </a:xfrm>
          <a:solidFill>
            <a:srgbClr val="FEBC30"/>
          </a:solidFill>
        </p:grpSpPr>
        <p:sp>
          <p:nvSpPr>
            <p:cNvPr id="16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7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8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19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0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1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2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3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1093649" y="3231014"/>
            <a:ext cx="1999304" cy="1533571"/>
            <a:chOff x="2890838" y="4437063"/>
            <a:chExt cx="279398" cy="214313"/>
          </a:xfrm>
          <a:solidFill>
            <a:srgbClr val="80AD31"/>
          </a:solidFill>
        </p:grpSpPr>
        <p:sp>
          <p:nvSpPr>
            <p:cNvPr id="25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6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7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8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29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0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31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4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45" name="组合 44"/>
          <p:cNvGrpSpPr/>
          <p:nvPr/>
        </p:nvGrpSpPr>
        <p:grpSpPr>
          <a:xfrm>
            <a:off x="6224449" y="3708124"/>
            <a:ext cx="1999304" cy="1533571"/>
            <a:chOff x="2890838" y="4437063"/>
            <a:chExt cx="279398" cy="214313"/>
          </a:xfrm>
          <a:solidFill>
            <a:srgbClr val="A883BD"/>
          </a:solidFill>
        </p:grpSpPr>
        <p:sp>
          <p:nvSpPr>
            <p:cNvPr id="46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7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8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49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0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1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2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3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grpSp>
        <p:nvGrpSpPr>
          <p:cNvPr id="54" name="组合 53"/>
          <p:cNvGrpSpPr/>
          <p:nvPr/>
        </p:nvGrpSpPr>
        <p:grpSpPr>
          <a:xfrm>
            <a:off x="8998144" y="2189169"/>
            <a:ext cx="1999304" cy="1533571"/>
            <a:chOff x="2890838" y="4437063"/>
            <a:chExt cx="279398" cy="214313"/>
          </a:xfrm>
          <a:solidFill>
            <a:srgbClr val="FF6680"/>
          </a:solidFill>
        </p:grpSpPr>
        <p:sp>
          <p:nvSpPr>
            <p:cNvPr id="55" name="Freeform 198"/>
            <p:cNvSpPr>
              <a:spLocks/>
            </p:cNvSpPr>
            <p:nvPr/>
          </p:nvSpPr>
          <p:spPr bwMode="auto">
            <a:xfrm>
              <a:off x="3071811" y="4437063"/>
              <a:ext cx="31750" cy="28575"/>
            </a:xfrm>
            <a:custGeom>
              <a:avLst/>
              <a:gdLst>
                <a:gd name="T0" fmla="*/ 32 w 33"/>
                <a:gd name="T1" fmla="*/ 30 h 30"/>
                <a:gd name="T2" fmla="*/ 33 w 33"/>
                <a:gd name="T3" fmla="*/ 30 h 30"/>
                <a:gd name="T4" fmla="*/ 16 w 33"/>
                <a:gd name="T5" fmla="*/ 0 h 30"/>
                <a:gd name="T6" fmla="*/ 0 w 33"/>
                <a:gd name="T7" fmla="*/ 30 h 30"/>
                <a:gd name="T8" fmla="*/ 0 w 33"/>
                <a:gd name="T9" fmla="*/ 30 h 30"/>
                <a:gd name="T10" fmla="*/ 16 w 33"/>
                <a:gd name="T11" fmla="*/ 28 h 30"/>
                <a:gd name="T12" fmla="*/ 32 w 33"/>
                <a:gd name="T13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3" h="30">
                  <a:moveTo>
                    <a:pt x="32" y="30"/>
                  </a:moveTo>
                  <a:cubicBezTo>
                    <a:pt x="33" y="30"/>
                    <a:pt x="33" y="30"/>
                    <a:pt x="33" y="30"/>
                  </a:cubicBezTo>
                  <a:cubicBezTo>
                    <a:pt x="16" y="0"/>
                    <a:pt x="16" y="0"/>
                    <a:pt x="16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6" y="29"/>
                    <a:pt x="11" y="28"/>
                    <a:pt x="16" y="28"/>
                  </a:cubicBezTo>
                  <a:cubicBezTo>
                    <a:pt x="22" y="28"/>
                    <a:pt x="27" y="29"/>
                    <a:pt x="32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6" name="Freeform 199"/>
            <p:cNvSpPr>
              <a:spLocks/>
            </p:cNvSpPr>
            <p:nvPr/>
          </p:nvSpPr>
          <p:spPr bwMode="auto">
            <a:xfrm>
              <a:off x="3141661" y="4503738"/>
              <a:ext cx="28575" cy="31750"/>
            </a:xfrm>
            <a:custGeom>
              <a:avLst/>
              <a:gdLst>
                <a:gd name="T0" fmla="*/ 0 w 30"/>
                <a:gd name="T1" fmla="*/ 33 h 33"/>
                <a:gd name="T2" fmla="*/ 0 w 30"/>
                <a:gd name="T3" fmla="*/ 33 h 33"/>
                <a:gd name="T4" fmla="*/ 30 w 30"/>
                <a:gd name="T5" fmla="*/ 17 h 33"/>
                <a:gd name="T6" fmla="*/ 0 w 30"/>
                <a:gd name="T7" fmla="*/ 0 h 33"/>
                <a:gd name="T8" fmla="*/ 0 w 30"/>
                <a:gd name="T9" fmla="*/ 1 h 33"/>
                <a:gd name="T10" fmla="*/ 2 w 30"/>
                <a:gd name="T11" fmla="*/ 17 h 33"/>
                <a:gd name="T12" fmla="*/ 0 w 30"/>
                <a:gd name="T13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" h="33">
                  <a:moveTo>
                    <a:pt x="0" y="33"/>
                  </a:moveTo>
                  <a:cubicBezTo>
                    <a:pt x="0" y="33"/>
                    <a:pt x="0" y="33"/>
                    <a:pt x="0" y="33"/>
                  </a:cubicBezTo>
                  <a:cubicBezTo>
                    <a:pt x="30" y="17"/>
                    <a:pt x="30" y="17"/>
                    <a:pt x="30" y="17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"/>
                    <a:pt x="0" y="1"/>
                    <a:pt x="0" y="1"/>
                  </a:cubicBezTo>
                  <a:cubicBezTo>
                    <a:pt x="1" y="6"/>
                    <a:pt x="2" y="11"/>
                    <a:pt x="2" y="17"/>
                  </a:cubicBezTo>
                  <a:cubicBezTo>
                    <a:pt x="2" y="22"/>
                    <a:pt x="1" y="28"/>
                    <a:pt x="0" y="3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7" name="Freeform 200"/>
            <p:cNvSpPr>
              <a:spLocks/>
            </p:cNvSpPr>
            <p:nvPr/>
          </p:nvSpPr>
          <p:spPr bwMode="auto">
            <a:xfrm>
              <a:off x="3113086" y="4460876"/>
              <a:ext cx="33338" cy="31750"/>
            </a:xfrm>
            <a:custGeom>
              <a:avLst/>
              <a:gdLst>
                <a:gd name="T0" fmla="*/ 22 w 33"/>
                <a:gd name="T1" fmla="*/ 32 h 33"/>
                <a:gd name="T2" fmla="*/ 23 w 33"/>
                <a:gd name="T3" fmla="*/ 33 h 33"/>
                <a:gd name="T4" fmla="*/ 33 w 33"/>
                <a:gd name="T5" fmla="*/ 0 h 33"/>
                <a:gd name="T6" fmla="*/ 0 w 33"/>
                <a:gd name="T7" fmla="*/ 10 h 33"/>
                <a:gd name="T8" fmla="*/ 1 w 33"/>
                <a:gd name="T9" fmla="*/ 11 h 33"/>
                <a:gd name="T10" fmla="*/ 22 w 33"/>
                <a:gd name="T11" fmla="*/ 32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22" y="32"/>
                  </a:moveTo>
                  <a:cubicBezTo>
                    <a:pt x="23" y="33"/>
                    <a:pt x="23" y="33"/>
                    <a:pt x="23" y="33"/>
                  </a:cubicBezTo>
                  <a:cubicBezTo>
                    <a:pt x="33" y="0"/>
                    <a:pt x="33" y="0"/>
                    <a:pt x="33" y="0"/>
                  </a:cubicBezTo>
                  <a:cubicBezTo>
                    <a:pt x="0" y="10"/>
                    <a:pt x="0" y="10"/>
                    <a:pt x="0" y="10"/>
                  </a:cubicBezTo>
                  <a:cubicBezTo>
                    <a:pt x="1" y="11"/>
                    <a:pt x="1" y="11"/>
                    <a:pt x="1" y="11"/>
                  </a:cubicBezTo>
                  <a:cubicBezTo>
                    <a:pt x="10" y="16"/>
                    <a:pt x="17" y="23"/>
                    <a:pt x="22" y="3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8" name="Freeform 201"/>
            <p:cNvSpPr>
              <a:spLocks/>
            </p:cNvSpPr>
            <p:nvPr/>
          </p:nvSpPr>
          <p:spPr bwMode="auto">
            <a:xfrm>
              <a:off x="3006723" y="4503738"/>
              <a:ext cx="26988" cy="25400"/>
            </a:xfrm>
            <a:custGeom>
              <a:avLst/>
              <a:gdLst>
                <a:gd name="T0" fmla="*/ 25 w 27"/>
                <a:gd name="T1" fmla="*/ 17 h 26"/>
                <a:gd name="T2" fmla="*/ 27 w 27"/>
                <a:gd name="T3" fmla="*/ 0 h 26"/>
                <a:gd name="T4" fmla="*/ 27 w 27"/>
                <a:gd name="T5" fmla="*/ 0 h 26"/>
                <a:gd name="T6" fmla="*/ 0 w 27"/>
                <a:gd name="T7" fmla="*/ 15 h 26"/>
                <a:gd name="T8" fmla="*/ 26 w 27"/>
                <a:gd name="T9" fmla="*/ 26 h 26"/>
                <a:gd name="T10" fmla="*/ 25 w 27"/>
                <a:gd name="T11" fmla="*/ 17 h 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27" h="26">
                  <a:moveTo>
                    <a:pt x="25" y="17"/>
                  </a:moveTo>
                  <a:cubicBezTo>
                    <a:pt x="25" y="11"/>
                    <a:pt x="26" y="5"/>
                    <a:pt x="27" y="0"/>
                  </a:cubicBezTo>
                  <a:cubicBezTo>
                    <a:pt x="27" y="0"/>
                    <a:pt x="27" y="0"/>
                    <a:pt x="27" y="0"/>
                  </a:cubicBezTo>
                  <a:cubicBezTo>
                    <a:pt x="0" y="15"/>
                    <a:pt x="0" y="15"/>
                    <a:pt x="0" y="15"/>
                  </a:cubicBezTo>
                  <a:cubicBezTo>
                    <a:pt x="9" y="17"/>
                    <a:pt x="18" y="21"/>
                    <a:pt x="26" y="26"/>
                  </a:cubicBezTo>
                  <a:cubicBezTo>
                    <a:pt x="25" y="23"/>
                    <a:pt x="25" y="20"/>
                    <a:pt x="25" y="1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59" name="Freeform 202"/>
            <p:cNvSpPr>
              <a:spLocks/>
            </p:cNvSpPr>
            <p:nvPr/>
          </p:nvSpPr>
          <p:spPr bwMode="auto">
            <a:xfrm>
              <a:off x="3113087" y="4546601"/>
              <a:ext cx="33338" cy="31750"/>
            </a:xfrm>
            <a:custGeom>
              <a:avLst/>
              <a:gdLst>
                <a:gd name="T0" fmla="*/ 33 w 33"/>
                <a:gd name="T1" fmla="*/ 33 h 33"/>
                <a:gd name="T2" fmla="*/ 23 w 33"/>
                <a:gd name="T3" fmla="*/ 0 h 33"/>
                <a:gd name="T4" fmla="*/ 22 w 33"/>
                <a:gd name="T5" fmla="*/ 1 h 33"/>
                <a:gd name="T6" fmla="*/ 1 w 33"/>
                <a:gd name="T7" fmla="*/ 22 h 33"/>
                <a:gd name="T8" fmla="*/ 0 w 33"/>
                <a:gd name="T9" fmla="*/ 24 h 33"/>
                <a:gd name="T10" fmla="*/ 33 w 33"/>
                <a:gd name="T11" fmla="*/ 33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3" y="33"/>
                  </a:moveTo>
                  <a:cubicBezTo>
                    <a:pt x="23" y="0"/>
                    <a:pt x="23" y="0"/>
                    <a:pt x="23" y="0"/>
                  </a:cubicBezTo>
                  <a:cubicBezTo>
                    <a:pt x="22" y="1"/>
                    <a:pt x="22" y="1"/>
                    <a:pt x="22" y="1"/>
                  </a:cubicBezTo>
                  <a:cubicBezTo>
                    <a:pt x="17" y="10"/>
                    <a:pt x="10" y="17"/>
                    <a:pt x="1" y="22"/>
                  </a:cubicBezTo>
                  <a:cubicBezTo>
                    <a:pt x="0" y="24"/>
                    <a:pt x="0" y="24"/>
                    <a:pt x="0" y="24"/>
                  </a:cubicBezTo>
                  <a:lnTo>
                    <a:pt x="33" y="3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0" name="Freeform 203"/>
            <p:cNvSpPr>
              <a:spLocks/>
            </p:cNvSpPr>
            <p:nvPr/>
          </p:nvSpPr>
          <p:spPr bwMode="auto">
            <a:xfrm>
              <a:off x="3028949" y="4460877"/>
              <a:ext cx="31750" cy="31750"/>
            </a:xfrm>
            <a:custGeom>
              <a:avLst/>
              <a:gdLst>
                <a:gd name="T0" fmla="*/ 32 w 33"/>
                <a:gd name="T1" fmla="*/ 11 h 33"/>
                <a:gd name="T2" fmla="*/ 33 w 33"/>
                <a:gd name="T3" fmla="*/ 10 h 33"/>
                <a:gd name="T4" fmla="*/ 0 w 33"/>
                <a:gd name="T5" fmla="*/ 0 h 33"/>
                <a:gd name="T6" fmla="*/ 10 w 33"/>
                <a:gd name="T7" fmla="*/ 33 h 33"/>
                <a:gd name="T8" fmla="*/ 10 w 33"/>
                <a:gd name="T9" fmla="*/ 32 h 33"/>
                <a:gd name="T10" fmla="*/ 32 w 33"/>
                <a:gd name="T11" fmla="*/ 11 h 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3" h="33">
                  <a:moveTo>
                    <a:pt x="32" y="11"/>
                  </a:moveTo>
                  <a:cubicBezTo>
                    <a:pt x="33" y="10"/>
                    <a:pt x="33" y="10"/>
                    <a:pt x="33" y="1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10" y="33"/>
                    <a:pt x="10" y="33"/>
                    <a:pt x="10" y="33"/>
                  </a:cubicBezTo>
                  <a:cubicBezTo>
                    <a:pt x="10" y="32"/>
                    <a:pt x="10" y="32"/>
                    <a:pt x="10" y="32"/>
                  </a:cubicBezTo>
                  <a:cubicBezTo>
                    <a:pt x="16" y="23"/>
                    <a:pt x="23" y="16"/>
                    <a:pt x="32" y="11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1" name="Freeform 204"/>
            <p:cNvSpPr>
              <a:spLocks/>
            </p:cNvSpPr>
            <p:nvPr/>
          </p:nvSpPr>
          <p:spPr bwMode="auto">
            <a:xfrm>
              <a:off x="3044824" y="4478339"/>
              <a:ext cx="84138" cy="79375"/>
            </a:xfrm>
            <a:custGeom>
              <a:avLst/>
              <a:gdLst>
                <a:gd name="T0" fmla="*/ 86 w 86"/>
                <a:gd name="T1" fmla="*/ 43 h 82"/>
                <a:gd name="T2" fmla="*/ 43 w 86"/>
                <a:gd name="T3" fmla="*/ 0 h 82"/>
                <a:gd name="T4" fmla="*/ 0 w 86"/>
                <a:gd name="T5" fmla="*/ 43 h 82"/>
                <a:gd name="T6" fmla="*/ 8 w 86"/>
                <a:gd name="T7" fmla="*/ 66 h 82"/>
                <a:gd name="T8" fmla="*/ 20 w 86"/>
                <a:gd name="T9" fmla="*/ 65 h 82"/>
                <a:gd name="T10" fmla="*/ 60 w 86"/>
                <a:gd name="T11" fmla="*/ 82 h 82"/>
                <a:gd name="T12" fmla="*/ 86 w 86"/>
                <a:gd name="T13" fmla="*/ 43 h 8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86" h="82">
                  <a:moveTo>
                    <a:pt x="86" y="43"/>
                  </a:moveTo>
                  <a:cubicBezTo>
                    <a:pt x="86" y="19"/>
                    <a:pt x="67" y="0"/>
                    <a:pt x="43" y="0"/>
                  </a:cubicBezTo>
                  <a:cubicBezTo>
                    <a:pt x="20" y="0"/>
                    <a:pt x="0" y="19"/>
                    <a:pt x="0" y="43"/>
                  </a:cubicBezTo>
                  <a:cubicBezTo>
                    <a:pt x="0" y="51"/>
                    <a:pt x="3" y="60"/>
                    <a:pt x="8" y="66"/>
                  </a:cubicBezTo>
                  <a:cubicBezTo>
                    <a:pt x="12" y="65"/>
                    <a:pt x="16" y="65"/>
                    <a:pt x="20" y="65"/>
                  </a:cubicBezTo>
                  <a:cubicBezTo>
                    <a:pt x="36" y="65"/>
                    <a:pt x="50" y="72"/>
                    <a:pt x="60" y="82"/>
                  </a:cubicBezTo>
                  <a:cubicBezTo>
                    <a:pt x="75" y="76"/>
                    <a:pt x="86" y="60"/>
                    <a:pt x="86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  <p:sp>
          <p:nvSpPr>
            <p:cNvPr id="62" name="Freeform 206"/>
            <p:cNvSpPr>
              <a:spLocks/>
            </p:cNvSpPr>
            <p:nvPr/>
          </p:nvSpPr>
          <p:spPr bwMode="auto">
            <a:xfrm>
              <a:off x="2890838" y="4527551"/>
              <a:ext cx="233363" cy="123825"/>
            </a:xfrm>
            <a:custGeom>
              <a:avLst/>
              <a:gdLst>
                <a:gd name="T0" fmla="*/ 179 w 241"/>
                <a:gd name="T1" fmla="*/ 25 h 128"/>
                <a:gd name="T2" fmla="*/ 157 w 241"/>
                <a:gd name="T3" fmla="*/ 31 h 128"/>
                <a:gd name="T4" fmla="*/ 108 w 241"/>
                <a:gd name="T5" fmla="*/ 0 h 128"/>
                <a:gd name="T6" fmla="*/ 58 w 241"/>
                <a:gd name="T7" fmla="*/ 32 h 128"/>
                <a:gd name="T8" fmla="*/ 43 w 241"/>
                <a:gd name="T9" fmla="*/ 26 h 128"/>
                <a:gd name="T10" fmla="*/ 17 w 241"/>
                <a:gd name="T11" fmla="*/ 52 h 128"/>
                <a:gd name="T12" fmla="*/ 18 w 241"/>
                <a:gd name="T13" fmla="*/ 59 h 128"/>
                <a:gd name="T14" fmla="*/ 0 w 241"/>
                <a:gd name="T15" fmla="*/ 91 h 128"/>
                <a:gd name="T16" fmla="*/ 37 w 241"/>
                <a:gd name="T17" fmla="*/ 128 h 128"/>
                <a:gd name="T18" fmla="*/ 37 w 241"/>
                <a:gd name="T19" fmla="*/ 128 h 128"/>
                <a:gd name="T20" fmla="*/ 37 w 241"/>
                <a:gd name="T21" fmla="*/ 128 h 128"/>
                <a:gd name="T22" fmla="*/ 37 w 241"/>
                <a:gd name="T23" fmla="*/ 128 h 128"/>
                <a:gd name="T24" fmla="*/ 38 w 241"/>
                <a:gd name="T25" fmla="*/ 128 h 128"/>
                <a:gd name="T26" fmla="*/ 211 w 241"/>
                <a:gd name="T27" fmla="*/ 128 h 128"/>
                <a:gd name="T28" fmla="*/ 212 w 241"/>
                <a:gd name="T29" fmla="*/ 128 h 128"/>
                <a:gd name="T30" fmla="*/ 241 w 241"/>
                <a:gd name="T31" fmla="*/ 99 h 128"/>
                <a:gd name="T32" fmla="*/ 223 w 241"/>
                <a:gd name="T33" fmla="*/ 72 h 128"/>
                <a:gd name="T34" fmla="*/ 223 w 241"/>
                <a:gd name="T35" fmla="*/ 69 h 128"/>
                <a:gd name="T36" fmla="*/ 179 w 241"/>
                <a:gd name="T37" fmla="*/ 25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</a:cxnLst>
              <a:rect l="0" t="0" r="r" b="b"/>
              <a:pathLst>
                <a:path w="241" h="128">
                  <a:moveTo>
                    <a:pt x="179" y="25"/>
                  </a:moveTo>
                  <a:cubicBezTo>
                    <a:pt x="171" y="25"/>
                    <a:pt x="164" y="27"/>
                    <a:pt x="157" y="31"/>
                  </a:cubicBezTo>
                  <a:cubicBezTo>
                    <a:pt x="148" y="13"/>
                    <a:pt x="129" y="0"/>
                    <a:pt x="108" y="0"/>
                  </a:cubicBezTo>
                  <a:cubicBezTo>
                    <a:pt x="86" y="0"/>
                    <a:pt x="67" y="13"/>
                    <a:pt x="58" y="32"/>
                  </a:cubicBezTo>
                  <a:cubicBezTo>
                    <a:pt x="54" y="28"/>
                    <a:pt x="49" y="26"/>
                    <a:pt x="43" y="26"/>
                  </a:cubicBezTo>
                  <a:cubicBezTo>
                    <a:pt x="29" y="26"/>
                    <a:pt x="17" y="38"/>
                    <a:pt x="17" y="52"/>
                  </a:cubicBezTo>
                  <a:cubicBezTo>
                    <a:pt x="17" y="54"/>
                    <a:pt x="18" y="57"/>
                    <a:pt x="18" y="59"/>
                  </a:cubicBezTo>
                  <a:cubicBezTo>
                    <a:pt x="8" y="66"/>
                    <a:pt x="0" y="77"/>
                    <a:pt x="0" y="91"/>
                  </a:cubicBezTo>
                  <a:cubicBezTo>
                    <a:pt x="0" y="111"/>
                    <a:pt x="1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7" y="128"/>
                    <a:pt x="37" y="128"/>
                    <a:pt x="37" y="128"/>
                  </a:cubicBezTo>
                  <a:cubicBezTo>
                    <a:pt x="38" y="128"/>
                    <a:pt x="38" y="128"/>
                    <a:pt x="38" y="128"/>
                  </a:cubicBezTo>
                  <a:cubicBezTo>
                    <a:pt x="211" y="128"/>
                    <a:pt x="211" y="128"/>
                    <a:pt x="211" y="128"/>
                  </a:cubicBezTo>
                  <a:cubicBezTo>
                    <a:pt x="211" y="128"/>
                    <a:pt x="212" y="128"/>
                    <a:pt x="212" y="128"/>
                  </a:cubicBezTo>
                  <a:cubicBezTo>
                    <a:pt x="228" y="128"/>
                    <a:pt x="241" y="115"/>
                    <a:pt x="241" y="99"/>
                  </a:cubicBezTo>
                  <a:cubicBezTo>
                    <a:pt x="241" y="87"/>
                    <a:pt x="234" y="76"/>
                    <a:pt x="223" y="72"/>
                  </a:cubicBezTo>
                  <a:cubicBezTo>
                    <a:pt x="223" y="71"/>
                    <a:pt x="223" y="70"/>
                    <a:pt x="223" y="69"/>
                  </a:cubicBezTo>
                  <a:cubicBezTo>
                    <a:pt x="223" y="45"/>
                    <a:pt x="204" y="25"/>
                    <a:pt x="179" y="25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  <p:sp>
        <p:nvSpPr>
          <p:cNvPr id="63" name="Freeform 223"/>
          <p:cNvSpPr>
            <a:spLocks/>
          </p:cNvSpPr>
          <p:nvPr/>
        </p:nvSpPr>
        <p:spPr bwMode="auto">
          <a:xfrm>
            <a:off x="9589514" y="3200184"/>
            <a:ext cx="475749" cy="385843"/>
          </a:xfrm>
          <a:custGeom>
            <a:avLst/>
            <a:gdLst>
              <a:gd name="T0" fmla="*/ 107 w 107"/>
              <a:gd name="T1" fmla="*/ 10 h 87"/>
              <a:gd name="T2" fmla="*/ 95 w 107"/>
              <a:gd name="T3" fmla="*/ 13 h 87"/>
              <a:gd name="T4" fmla="*/ 104 w 107"/>
              <a:gd name="T5" fmla="*/ 1 h 87"/>
              <a:gd name="T6" fmla="*/ 90 w 107"/>
              <a:gd name="T7" fmla="*/ 7 h 87"/>
              <a:gd name="T8" fmla="*/ 74 w 107"/>
              <a:gd name="T9" fmla="*/ 0 h 87"/>
              <a:gd name="T10" fmla="*/ 52 w 107"/>
              <a:gd name="T11" fmla="*/ 22 h 87"/>
              <a:gd name="T12" fmla="*/ 53 w 107"/>
              <a:gd name="T13" fmla="*/ 27 h 87"/>
              <a:gd name="T14" fmla="*/ 7 w 107"/>
              <a:gd name="T15" fmla="*/ 4 h 87"/>
              <a:gd name="T16" fmla="*/ 4 w 107"/>
              <a:gd name="T17" fmla="*/ 15 h 87"/>
              <a:gd name="T18" fmla="*/ 14 w 107"/>
              <a:gd name="T19" fmla="*/ 33 h 87"/>
              <a:gd name="T20" fmla="*/ 4 w 107"/>
              <a:gd name="T21" fmla="*/ 30 h 87"/>
              <a:gd name="T22" fmla="*/ 4 w 107"/>
              <a:gd name="T23" fmla="*/ 31 h 87"/>
              <a:gd name="T24" fmla="*/ 22 w 107"/>
              <a:gd name="T25" fmla="*/ 52 h 87"/>
              <a:gd name="T26" fmla="*/ 16 w 107"/>
              <a:gd name="T27" fmla="*/ 53 h 87"/>
              <a:gd name="T28" fmla="*/ 12 w 107"/>
              <a:gd name="T29" fmla="*/ 53 h 87"/>
              <a:gd name="T30" fmla="*/ 32 w 107"/>
              <a:gd name="T31" fmla="*/ 68 h 87"/>
              <a:gd name="T32" fmla="*/ 5 w 107"/>
              <a:gd name="T33" fmla="*/ 77 h 87"/>
              <a:gd name="T34" fmla="*/ 0 w 107"/>
              <a:gd name="T35" fmla="*/ 77 h 87"/>
              <a:gd name="T36" fmla="*/ 33 w 107"/>
              <a:gd name="T37" fmla="*/ 87 h 87"/>
              <a:gd name="T38" fmla="*/ 96 w 107"/>
              <a:gd name="T39" fmla="*/ 24 h 87"/>
              <a:gd name="T40" fmla="*/ 96 w 107"/>
              <a:gd name="T41" fmla="*/ 21 h 87"/>
              <a:gd name="T42" fmla="*/ 107 w 107"/>
              <a:gd name="T43" fmla="*/ 10 h 8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</a:cxnLst>
            <a:rect l="0" t="0" r="r" b="b"/>
            <a:pathLst>
              <a:path w="107" h="87">
                <a:moveTo>
                  <a:pt x="107" y="10"/>
                </a:moveTo>
                <a:cubicBezTo>
                  <a:pt x="103" y="12"/>
                  <a:pt x="99" y="13"/>
                  <a:pt x="95" y="13"/>
                </a:cubicBezTo>
                <a:cubicBezTo>
                  <a:pt x="99" y="11"/>
                  <a:pt x="103" y="6"/>
                  <a:pt x="104" y="1"/>
                </a:cubicBezTo>
                <a:cubicBezTo>
                  <a:pt x="100" y="4"/>
                  <a:pt x="95" y="6"/>
                  <a:pt x="90" y="7"/>
                </a:cubicBezTo>
                <a:cubicBezTo>
                  <a:pt x="86" y="2"/>
                  <a:pt x="80" y="0"/>
                  <a:pt x="74" y="0"/>
                </a:cubicBezTo>
                <a:cubicBezTo>
                  <a:pt x="62" y="0"/>
                  <a:pt x="52" y="9"/>
                  <a:pt x="52" y="22"/>
                </a:cubicBezTo>
                <a:cubicBezTo>
                  <a:pt x="52" y="23"/>
                  <a:pt x="52" y="25"/>
                  <a:pt x="53" y="27"/>
                </a:cubicBezTo>
                <a:cubicBezTo>
                  <a:pt x="34" y="26"/>
                  <a:pt x="18" y="17"/>
                  <a:pt x="7" y="4"/>
                </a:cubicBezTo>
                <a:cubicBezTo>
                  <a:pt x="5" y="7"/>
                  <a:pt x="4" y="11"/>
                  <a:pt x="4" y="15"/>
                </a:cubicBezTo>
                <a:cubicBezTo>
                  <a:pt x="4" y="22"/>
                  <a:pt x="8" y="29"/>
                  <a:pt x="14" y="33"/>
                </a:cubicBezTo>
                <a:cubicBezTo>
                  <a:pt x="10" y="33"/>
                  <a:pt x="7" y="32"/>
                  <a:pt x="4" y="30"/>
                </a:cubicBezTo>
                <a:cubicBezTo>
                  <a:pt x="4" y="31"/>
                  <a:pt x="4" y="31"/>
                  <a:pt x="4" y="31"/>
                </a:cubicBezTo>
                <a:cubicBezTo>
                  <a:pt x="4" y="41"/>
                  <a:pt x="12" y="50"/>
                  <a:pt x="22" y="52"/>
                </a:cubicBezTo>
                <a:cubicBezTo>
                  <a:pt x="20" y="53"/>
                  <a:pt x="18" y="53"/>
                  <a:pt x="16" y="53"/>
                </a:cubicBezTo>
                <a:cubicBezTo>
                  <a:pt x="14" y="53"/>
                  <a:pt x="13" y="53"/>
                  <a:pt x="12" y="53"/>
                </a:cubicBezTo>
                <a:cubicBezTo>
                  <a:pt x="15" y="61"/>
                  <a:pt x="23" y="68"/>
                  <a:pt x="32" y="68"/>
                </a:cubicBezTo>
                <a:cubicBezTo>
                  <a:pt x="25" y="74"/>
                  <a:pt x="15" y="77"/>
                  <a:pt x="5" y="77"/>
                </a:cubicBezTo>
                <a:cubicBezTo>
                  <a:pt x="3" y="77"/>
                  <a:pt x="1" y="77"/>
                  <a:pt x="0" y="77"/>
                </a:cubicBezTo>
                <a:cubicBezTo>
                  <a:pt x="9" y="83"/>
                  <a:pt x="21" y="87"/>
                  <a:pt x="33" y="87"/>
                </a:cubicBezTo>
                <a:cubicBezTo>
                  <a:pt x="74" y="87"/>
                  <a:pt x="96" y="53"/>
                  <a:pt x="96" y="24"/>
                </a:cubicBezTo>
                <a:cubicBezTo>
                  <a:pt x="96" y="23"/>
                  <a:pt x="96" y="22"/>
                  <a:pt x="96" y="21"/>
                </a:cubicBezTo>
                <a:cubicBezTo>
                  <a:pt x="101" y="18"/>
                  <a:pt x="104" y="14"/>
                  <a:pt x="107" y="10"/>
                </a:cubicBez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prstClr val="black"/>
              </a:solidFill>
            </a:endParaRPr>
          </a:p>
        </p:txBody>
      </p:sp>
      <p:sp>
        <p:nvSpPr>
          <p:cNvPr id="64" name="Freeform 33"/>
          <p:cNvSpPr>
            <a:spLocks noEditPoints="1"/>
          </p:cNvSpPr>
          <p:nvPr/>
        </p:nvSpPr>
        <p:spPr bwMode="auto">
          <a:xfrm>
            <a:off x="4414396" y="3094371"/>
            <a:ext cx="435439" cy="408950"/>
          </a:xfrm>
          <a:custGeom>
            <a:avLst/>
            <a:gdLst>
              <a:gd name="T0" fmla="*/ 21 w 643"/>
              <a:gd name="T1" fmla="*/ 477 h 603"/>
              <a:gd name="T2" fmla="*/ 459 w 643"/>
              <a:gd name="T3" fmla="*/ 359 h 603"/>
              <a:gd name="T4" fmla="*/ 420 w 643"/>
              <a:gd name="T5" fmla="*/ 494 h 603"/>
              <a:gd name="T6" fmla="*/ 407 w 643"/>
              <a:gd name="T7" fmla="*/ 377 h 603"/>
              <a:gd name="T8" fmla="*/ 408 w 643"/>
              <a:gd name="T9" fmla="*/ 272 h 603"/>
              <a:gd name="T10" fmla="*/ 397 w 643"/>
              <a:gd name="T11" fmla="*/ 276 h 603"/>
              <a:gd name="T12" fmla="*/ 405 w 643"/>
              <a:gd name="T13" fmla="*/ 292 h 603"/>
              <a:gd name="T14" fmla="*/ 415 w 643"/>
              <a:gd name="T15" fmla="*/ 288 h 603"/>
              <a:gd name="T16" fmla="*/ 356 w 643"/>
              <a:gd name="T17" fmla="*/ 302 h 603"/>
              <a:gd name="T18" fmla="*/ 360 w 643"/>
              <a:gd name="T19" fmla="*/ 322 h 603"/>
              <a:gd name="T20" fmla="*/ 368 w 643"/>
              <a:gd name="T21" fmla="*/ 315 h 603"/>
              <a:gd name="T22" fmla="*/ 324 w 643"/>
              <a:gd name="T23" fmla="*/ 341 h 603"/>
              <a:gd name="T24" fmla="*/ 319 w 643"/>
              <a:gd name="T25" fmla="*/ 351 h 603"/>
              <a:gd name="T26" fmla="*/ 335 w 643"/>
              <a:gd name="T27" fmla="*/ 359 h 603"/>
              <a:gd name="T28" fmla="*/ 340 w 643"/>
              <a:gd name="T29" fmla="*/ 349 h 603"/>
              <a:gd name="T30" fmla="*/ 305 w 643"/>
              <a:gd name="T31" fmla="*/ 399 h 603"/>
              <a:gd name="T32" fmla="*/ 322 w 643"/>
              <a:gd name="T33" fmla="*/ 411 h 603"/>
              <a:gd name="T34" fmla="*/ 323 w 643"/>
              <a:gd name="T35" fmla="*/ 400 h 603"/>
              <a:gd name="T36" fmla="*/ 308 w 643"/>
              <a:gd name="T37" fmla="*/ 450 h 603"/>
              <a:gd name="T38" fmla="*/ 311 w 643"/>
              <a:gd name="T39" fmla="*/ 461 h 603"/>
              <a:gd name="T40" fmla="*/ 327 w 643"/>
              <a:gd name="T41" fmla="*/ 455 h 603"/>
              <a:gd name="T42" fmla="*/ 324 w 643"/>
              <a:gd name="T43" fmla="*/ 444 h 603"/>
              <a:gd name="T44" fmla="*/ 332 w 643"/>
              <a:gd name="T45" fmla="*/ 505 h 603"/>
              <a:gd name="T46" fmla="*/ 353 w 643"/>
              <a:gd name="T47" fmla="*/ 503 h 603"/>
              <a:gd name="T48" fmla="*/ 346 w 643"/>
              <a:gd name="T49" fmla="*/ 495 h 603"/>
              <a:gd name="T50" fmla="*/ 367 w 643"/>
              <a:gd name="T51" fmla="*/ 541 h 603"/>
              <a:gd name="T52" fmla="*/ 377 w 643"/>
              <a:gd name="T53" fmla="*/ 547 h 603"/>
              <a:gd name="T54" fmla="*/ 386 w 643"/>
              <a:gd name="T55" fmla="*/ 532 h 603"/>
              <a:gd name="T56" fmla="*/ 377 w 643"/>
              <a:gd name="T57" fmla="*/ 526 h 603"/>
              <a:gd name="T58" fmla="*/ 423 w 643"/>
              <a:gd name="T59" fmla="*/ 566 h 603"/>
              <a:gd name="T60" fmla="*/ 434 w 643"/>
              <a:gd name="T61" fmla="*/ 568 h 603"/>
              <a:gd name="T62" fmla="*/ 427 w 643"/>
              <a:gd name="T63" fmla="*/ 549 h 603"/>
              <a:gd name="T64" fmla="*/ 472 w 643"/>
              <a:gd name="T65" fmla="*/ 569 h 603"/>
              <a:gd name="T66" fmla="*/ 484 w 643"/>
              <a:gd name="T67" fmla="*/ 568 h 603"/>
              <a:gd name="T68" fmla="*/ 483 w 643"/>
              <a:gd name="T69" fmla="*/ 550 h 603"/>
              <a:gd name="T70" fmla="*/ 472 w 643"/>
              <a:gd name="T71" fmla="*/ 552 h 603"/>
              <a:gd name="T72" fmla="*/ 530 w 643"/>
              <a:gd name="T73" fmla="*/ 551 h 603"/>
              <a:gd name="T74" fmla="*/ 540 w 643"/>
              <a:gd name="T75" fmla="*/ 545 h 603"/>
              <a:gd name="T76" fmla="*/ 524 w 643"/>
              <a:gd name="T77" fmla="*/ 535 h 603"/>
              <a:gd name="T78" fmla="*/ 570 w 643"/>
              <a:gd name="T79" fmla="*/ 521 h 603"/>
              <a:gd name="T80" fmla="*/ 577 w 643"/>
              <a:gd name="T81" fmla="*/ 512 h 603"/>
              <a:gd name="T82" fmla="*/ 565 w 643"/>
              <a:gd name="T83" fmla="*/ 499 h 603"/>
              <a:gd name="T84" fmla="*/ 559 w 643"/>
              <a:gd name="T85" fmla="*/ 507 h 603"/>
              <a:gd name="T86" fmla="*/ 601 w 643"/>
              <a:gd name="T87" fmla="*/ 469 h 603"/>
              <a:gd name="T88" fmla="*/ 605 w 643"/>
              <a:gd name="T89" fmla="*/ 457 h 603"/>
              <a:gd name="T90" fmla="*/ 586 w 643"/>
              <a:gd name="T91" fmla="*/ 459 h 603"/>
              <a:gd name="T92" fmla="*/ 610 w 643"/>
              <a:gd name="T93" fmla="*/ 419 h 603"/>
              <a:gd name="T94" fmla="*/ 610 w 643"/>
              <a:gd name="T95" fmla="*/ 408 h 603"/>
              <a:gd name="T96" fmla="*/ 592 w 643"/>
              <a:gd name="T97" fmla="*/ 406 h 603"/>
              <a:gd name="T98" fmla="*/ 593 w 643"/>
              <a:gd name="T99" fmla="*/ 417 h 603"/>
              <a:gd name="T100" fmla="*/ 599 w 643"/>
              <a:gd name="T101" fmla="*/ 358 h 603"/>
              <a:gd name="T102" fmla="*/ 594 w 643"/>
              <a:gd name="T103" fmla="*/ 347 h 603"/>
              <a:gd name="T104" fmla="*/ 581 w 643"/>
              <a:gd name="T105" fmla="*/ 363 h 603"/>
              <a:gd name="T106" fmla="*/ 573 w 643"/>
              <a:gd name="T107" fmla="*/ 316 h 603"/>
              <a:gd name="T108" fmla="*/ 565 w 643"/>
              <a:gd name="T109" fmla="*/ 308 h 603"/>
              <a:gd name="T110" fmla="*/ 550 w 643"/>
              <a:gd name="T111" fmla="*/ 318 h 603"/>
              <a:gd name="T112" fmla="*/ 557 w 643"/>
              <a:gd name="T113" fmla="*/ 326 h 603"/>
              <a:gd name="T114" fmla="*/ 524 w 643"/>
              <a:gd name="T115" fmla="*/ 279 h 603"/>
              <a:gd name="T116" fmla="*/ 513 w 643"/>
              <a:gd name="T117" fmla="*/ 274 h 603"/>
              <a:gd name="T118" fmla="*/ 513 w 643"/>
              <a:gd name="T119" fmla="*/ 293 h 603"/>
              <a:gd name="T120" fmla="*/ 457 w 643"/>
              <a:gd name="T121" fmla="*/ 231 h 603"/>
              <a:gd name="T122" fmla="*/ 358 w 643"/>
              <a:gd name="T123" fmla="*/ 9 h 603"/>
              <a:gd name="T124" fmla="*/ 30 w 643"/>
              <a:gd name="T125" fmla="*/ 153 h 60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  <a:cxn ang="0">
                <a:pos x="T120" y="T121"/>
              </a:cxn>
              <a:cxn ang="0">
                <a:pos x="T122" y="T123"/>
              </a:cxn>
              <a:cxn ang="0">
                <a:pos x="T124" y="T125"/>
              </a:cxn>
            </a:cxnLst>
            <a:rect l="0" t="0" r="r" b="b"/>
            <a:pathLst>
              <a:path w="643" h="603">
                <a:moveTo>
                  <a:pt x="51" y="448"/>
                </a:moveTo>
                <a:cubicBezTo>
                  <a:pt x="83" y="445"/>
                  <a:pt x="115" y="443"/>
                  <a:pt x="147" y="442"/>
                </a:cubicBezTo>
                <a:cubicBezTo>
                  <a:pt x="127" y="440"/>
                  <a:pt x="108" y="439"/>
                  <a:pt x="88" y="436"/>
                </a:cubicBezTo>
                <a:cubicBezTo>
                  <a:pt x="72" y="435"/>
                  <a:pt x="59" y="423"/>
                  <a:pt x="59" y="407"/>
                </a:cubicBezTo>
                <a:cubicBezTo>
                  <a:pt x="59" y="383"/>
                  <a:pt x="59" y="359"/>
                  <a:pt x="59" y="335"/>
                </a:cubicBezTo>
                <a:cubicBezTo>
                  <a:pt x="59" y="318"/>
                  <a:pt x="72" y="306"/>
                  <a:pt x="88" y="305"/>
                </a:cubicBezTo>
                <a:cubicBezTo>
                  <a:pt x="148" y="299"/>
                  <a:pt x="207" y="297"/>
                  <a:pt x="267" y="298"/>
                </a:cubicBezTo>
                <a:cubicBezTo>
                  <a:pt x="245" y="333"/>
                  <a:pt x="233" y="373"/>
                  <a:pt x="233" y="417"/>
                </a:cubicBezTo>
                <a:cubicBezTo>
                  <a:pt x="233" y="479"/>
                  <a:pt x="258" y="535"/>
                  <a:pt x="299" y="575"/>
                </a:cubicBezTo>
                <a:cubicBezTo>
                  <a:pt x="301" y="578"/>
                  <a:pt x="304" y="581"/>
                  <a:pt x="306" y="583"/>
                </a:cubicBezTo>
                <a:cubicBezTo>
                  <a:pt x="221" y="590"/>
                  <a:pt x="136" y="588"/>
                  <a:pt x="51" y="579"/>
                </a:cubicBezTo>
                <a:cubicBezTo>
                  <a:pt x="35" y="578"/>
                  <a:pt x="21" y="566"/>
                  <a:pt x="21" y="549"/>
                </a:cubicBezTo>
                <a:cubicBezTo>
                  <a:pt x="21" y="526"/>
                  <a:pt x="21" y="501"/>
                  <a:pt x="21" y="477"/>
                </a:cubicBezTo>
                <a:cubicBezTo>
                  <a:pt x="21" y="461"/>
                  <a:pt x="35" y="449"/>
                  <a:pt x="51" y="448"/>
                </a:cubicBezTo>
                <a:close/>
                <a:moveTo>
                  <a:pt x="442" y="265"/>
                </a:moveTo>
                <a:lnTo>
                  <a:pt x="442" y="265"/>
                </a:lnTo>
                <a:cubicBezTo>
                  <a:pt x="454" y="263"/>
                  <a:pt x="467" y="262"/>
                  <a:pt x="479" y="265"/>
                </a:cubicBezTo>
                <a:cubicBezTo>
                  <a:pt x="478" y="271"/>
                  <a:pt x="478" y="278"/>
                  <a:pt x="477" y="284"/>
                </a:cubicBezTo>
                <a:cubicBezTo>
                  <a:pt x="466" y="283"/>
                  <a:pt x="455" y="283"/>
                  <a:pt x="444" y="284"/>
                </a:cubicBezTo>
                <a:cubicBezTo>
                  <a:pt x="443" y="278"/>
                  <a:pt x="443" y="271"/>
                  <a:pt x="442" y="265"/>
                </a:cubicBezTo>
                <a:close/>
                <a:moveTo>
                  <a:pt x="510" y="384"/>
                </a:moveTo>
                <a:lnTo>
                  <a:pt x="510" y="384"/>
                </a:lnTo>
                <a:lnTo>
                  <a:pt x="467" y="384"/>
                </a:lnTo>
                <a:lnTo>
                  <a:pt x="467" y="377"/>
                </a:lnTo>
                <a:cubicBezTo>
                  <a:pt x="467" y="369"/>
                  <a:pt x="466" y="364"/>
                  <a:pt x="465" y="362"/>
                </a:cubicBezTo>
                <a:cubicBezTo>
                  <a:pt x="464" y="360"/>
                  <a:pt x="462" y="359"/>
                  <a:pt x="459" y="359"/>
                </a:cubicBezTo>
                <a:cubicBezTo>
                  <a:pt x="456" y="359"/>
                  <a:pt x="454" y="359"/>
                  <a:pt x="453" y="362"/>
                </a:cubicBezTo>
                <a:cubicBezTo>
                  <a:pt x="452" y="364"/>
                  <a:pt x="451" y="367"/>
                  <a:pt x="451" y="371"/>
                </a:cubicBezTo>
                <a:cubicBezTo>
                  <a:pt x="451" y="377"/>
                  <a:pt x="452" y="382"/>
                  <a:pt x="455" y="385"/>
                </a:cubicBezTo>
                <a:cubicBezTo>
                  <a:pt x="458" y="388"/>
                  <a:pt x="466" y="393"/>
                  <a:pt x="478" y="401"/>
                </a:cubicBezTo>
                <a:cubicBezTo>
                  <a:pt x="489" y="407"/>
                  <a:pt x="497" y="413"/>
                  <a:pt x="501" y="416"/>
                </a:cubicBezTo>
                <a:cubicBezTo>
                  <a:pt x="505" y="420"/>
                  <a:pt x="508" y="425"/>
                  <a:pt x="511" y="431"/>
                </a:cubicBezTo>
                <a:cubicBezTo>
                  <a:pt x="514" y="437"/>
                  <a:pt x="515" y="445"/>
                  <a:pt x="515" y="455"/>
                </a:cubicBezTo>
                <a:cubicBezTo>
                  <a:pt x="515" y="471"/>
                  <a:pt x="512" y="483"/>
                  <a:pt x="504" y="491"/>
                </a:cubicBezTo>
                <a:cubicBezTo>
                  <a:pt x="497" y="500"/>
                  <a:pt x="485" y="506"/>
                  <a:pt x="471" y="508"/>
                </a:cubicBezTo>
                <a:lnTo>
                  <a:pt x="471" y="524"/>
                </a:lnTo>
                <a:lnTo>
                  <a:pt x="451" y="524"/>
                </a:lnTo>
                <a:lnTo>
                  <a:pt x="451" y="507"/>
                </a:lnTo>
                <a:cubicBezTo>
                  <a:pt x="439" y="506"/>
                  <a:pt x="429" y="502"/>
                  <a:pt x="420" y="494"/>
                </a:cubicBezTo>
                <a:cubicBezTo>
                  <a:pt x="412" y="486"/>
                  <a:pt x="407" y="473"/>
                  <a:pt x="407" y="453"/>
                </a:cubicBezTo>
                <a:lnTo>
                  <a:pt x="407" y="445"/>
                </a:lnTo>
                <a:lnTo>
                  <a:pt x="451" y="445"/>
                </a:lnTo>
                <a:lnTo>
                  <a:pt x="451" y="456"/>
                </a:lnTo>
                <a:cubicBezTo>
                  <a:pt x="451" y="467"/>
                  <a:pt x="451" y="474"/>
                  <a:pt x="452" y="477"/>
                </a:cubicBezTo>
                <a:cubicBezTo>
                  <a:pt x="453" y="480"/>
                  <a:pt x="455" y="481"/>
                  <a:pt x="458" y="481"/>
                </a:cubicBezTo>
                <a:cubicBezTo>
                  <a:pt x="461" y="481"/>
                  <a:pt x="464" y="480"/>
                  <a:pt x="465" y="478"/>
                </a:cubicBezTo>
                <a:cubicBezTo>
                  <a:pt x="466" y="476"/>
                  <a:pt x="467" y="473"/>
                  <a:pt x="467" y="470"/>
                </a:cubicBezTo>
                <a:cubicBezTo>
                  <a:pt x="467" y="460"/>
                  <a:pt x="466" y="453"/>
                  <a:pt x="465" y="449"/>
                </a:cubicBezTo>
                <a:cubicBezTo>
                  <a:pt x="464" y="445"/>
                  <a:pt x="459" y="440"/>
                  <a:pt x="451" y="435"/>
                </a:cubicBezTo>
                <a:cubicBezTo>
                  <a:pt x="438" y="427"/>
                  <a:pt x="429" y="421"/>
                  <a:pt x="424" y="417"/>
                </a:cubicBezTo>
                <a:cubicBezTo>
                  <a:pt x="420" y="413"/>
                  <a:pt x="415" y="408"/>
                  <a:pt x="412" y="401"/>
                </a:cubicBezTo>
                <a:cubicBezTo>
                  <a:pt x="408" y="393"/>
                  <a:pt x="407" y="385"/>
                  <a:pt x="407" y="377"/>
                </a:cubicBezTo>
                <a:cubicBezTo>
                  <a:pt x="407" y="364"/>
                  <a:pt x="410" y="354"/>
                  <a:pt x="418" y="346"/>
                </a:cubicBezTo>
                <a:cubicBezTo>
                  <a:pt x="425" y="339"/>
                  <a:pt x="436" y="334"/>
                  <a:pt x="451" y="333"/>
                </a:cubicBezTo>
                <a:lnTo>
                  <a:pt x="451" y="319"/>
                </a:lnTo>
                <a:lnTo>
                  <a:pt x="471" y="319"/>
                </a:lnTo>
                <a:lnTo>
                  <a:pt x="471" y="333"/>
                </a:lnTo>
                <a:cubicBezTo>
                  <a:pt x="484" y="334"/>
                  <a:pt x="494" y="339"/>
                  <a:pt x="501" y="346"/>
                </a:cubicBezTo>
                <a:cubicBezTo>
                  <a:pt x="507" y="353"/>
                  <a:pt x="511" y="363"/>
                  <a:pt x="511" y="376"/>
                </a:cubicBezTo>
                <a:cubicBezTo>
                  <a:pt x="511" y="378"/>
                  <a:pt x="510" y="381"/>
                  <a:pt x="510" y="384"/>
                </a:cubicBezTo>
                <a:close/>
                <a:moveTo>
                  <a:pt x="411" y="271"/>
                </a:moveTo>
                <a:lnTo>
                  <a:pt x="411" y="271"/>
                </a:lnTo>
                <a:lnTo>
                  <a:pt x="410" y="271"/>
                </a:lnTo>
                <a:lnTo>
                  <a:pt x="409" y="271"/>
                </a:lnTo>
                <a:lnTo>
                  <a:pt x="408" y="272"/>
                </a:lnTo>
                <a:lnTo>
                  <a:pt x="407" y="272"/>
                </a:lnTo>
                <a:lnTo>
                  <a:pt x="406" y="272"/>
                </a:lnTo>
                <a:lnTo>
                  <a:pt x="405" y="273"/>
                </a:lnTo>
                <a:lnTo>
                  <a:pt x="405" y="273"/>
                </a:lnTo>
                <a:lnTo>
                  <a:pt x="404" y="273"/>
                </a:lnTo>
                <a:lnTo>
                  <a:pt x="403" y="274"/>
                </a:lnTo>
                <a:lnTo>
                  <a:pt x="402" y="274"/>
                </a:lnTo>
                <a:lnTo>
                  <a:pt x="401" y="274"/>
                </a:lnTo>
                <a:lnTo>
                  <a:pt x="400" y="275"/>
                </a:lnTo>
                <a:lnTo>
                  <a:pt x="399" y="275"/>
                </a:lnTo>
                <a:lnTo>
                  <a:pt x="398" y="275"/>
                </a:lnTo>
                <a:lnTo>
                  <a:pt x="398" y="276"/>
                </a:lnTo>
                <a:lnTo>
                  <a:pt x="397" y="276"/>
                </a:lnTo>
                <a:lnTo>
                  <a:pt x="396" y="277"/>
                </a:lnTo>
                <a:lnTo>
                  <a:pt x="395" y="277"/>
                </a:lnTo>
                <a:lnTo>
                  <a:pt x="394" y="277"/>
                </a:lnTo>
                <a:lnTo>
                  <a:pt x="393" y="278"/>
                </a:lnTo>
                <a:lnTo>
                  <a:pt x="393" y="278"/>
                </a:lnTo>
                <a:lnTo>
                  <a:pt x="401" y="294"/>
                </a:lnTo>
                <a:lnTo>
                  <a:pt x="401" y="294"/>
                </a:lnTo>
                <a:lnTo>
                  <a:pt x="401" y="293"/>
                </a:lnTo>
                <a:lnTo>
                  <a:pt x="402" y="293"/>
                </a:lnTo>
                <a:lnTo>
                  <a:pt x="403" y="293"/>
                </a:lnTo>
                <a:lnTo>
                  <a:pt x="404" y="292"/>
                </a:lnTo>
                <a:lnTo>
                  <a:pt x="404" y="292"/>
                </a:lnTo>
                <a:lnTo>
                  <a:pt x="405" y="292"/>
                </a:lnTo>
                <a:lnTo>
                  <a:pt x="406" y="291"/>
                </a:lnTo>
                <a:lnTo>
                  <a:pt x="407" y="291"/>
                </a:lnTo>
                <a:lnTo>
                  <a:pt x="407" y="291"/>
                </a:lnTo>
                <a:lnTo>
                  <a:pt x="408" y="290"/>
                </a:lnTo>
                <a:lnTo>
                  <a:pt x="409" y="290"/>
                </a:lnTo>
                <a:lnTo>
                  <a:pt x="410" y="290"/>
                </a:lnTo>
                <a:lnTo>
                  <a:pt x="411" y="290"/>
                </a:lnTo>
                <a:lnTo>
                  <a:pt x="411" y="289"/>
                </a:lnTo>
                <a:lnTo>
                  <a:pt x="412" y="289"/>
                </a:lnTo>
                <a:lnTo>
                  <a:pt x="413" y="289"/>
                </a:lnTo>
                <a:lnTo>
                  <a:pt x="414" y="288"/>
                </a:lnTo>
                <a:lnTo>
                  <a:pt x="414" y="288"/>
                </a:lnTo>
                <a:lnTo>
                  <a:pt x="415" y="288"/>
                </a:lnTo>
                <a:lnTo>
                  <a:pt x="416" y="288"/>
                </a:lnTo>
                <a:lnTo>
                  <a:pt x="411" y="271"/>
                </a:lnTo>
                <a:close/>
                <a:moveTo>
                  <a:pt x="361" y="297"/>
                </a:moveTo>
                <a:lnTo>
                  <a:pt x="361" y="297"/>
                </a:lnTo>
                <a:lnTo>
                  <a:pt x="361" y="297"/>
                </a:lnTo>
                <a:lnTo>
                  <a:pt x="360" y="298"/>
                </a:lnTo>
                <a:lnTo>
                  <a:pt x="360" y="299"/>
                </a:lnTo>
                <a:lnTo>
                  <a:pt x="359" y="299"/>
                </a:lnTo>
                <a:lnTo>
                  <a:pt x="358" y="300"/>
                </a:lnTo>
                <a:lnTo>
                  <a:pt x="358" y="300"/>
                </a:lnTo>
                <a:lnTo>
                  <a:pt x="357" y="301"/>
                </a:lnTo>
                <a:lnTo>
                  <a:pt x="356" y="302"/>
                </a:lnTo>
                <a:lnTo>
                  <a:pt x="356" y="302"/>
                </a:lnTo>
                <a:lnTo>
                  <a:pt x="355" y="303"/>
                </a:lnTo>
                <a:lnTo>
                  <a:pt x="354" y="304"/>
                </a:lnTo>
                <a:lnTo>
                  <a:pt x="354" y="304"/>
                </a:lnTo>
                <a:lnTo>
                  <a:pt x="353" y="305"/>
                </a:lnTo>
                <a:lnTo>
                  <a:pt x="352" y="305"/>
                </a:lnTo>
                <a:lnTo>
                  <a:pt x="352" y="306"/>
                </a:lnTo>
                <a:lnTo>
                  <a:pt x="351" y="307"/>
                </a:lnTo>
                <a:lnTo>
                  <a:pt x="350" y="307"/>
                </a:lnTo>
                <a:lnTo>
                  <a:pt x="350" y="308"/>
                </a:lnTo>
                <a:lnTo>
                  <a:pt x="349" y="309"/>
                </a:lnTo>
                <a:lnTo>
                  <a:pt x="348" y="309"/>
                </a:lnTo>
                <a:lnTo>
                  <a:pt x="348" y="310"/>
                </a:lnTo>
                <a:lnTo>
                  <a:pt x="360" y="322"/>
                </a:lnTo>
                <a:lnTo>
                  <a:pt x="361" y="322"/>
                </a:lnTo>
                <a:lnTo>
                  <a:pt x="361" y="321"/>
                </a:lnTo>
                <a:lnTo>
                  <a:pt x="362" y="320"/>
                </a:lnTo>
                <a:lnTo>
                  <a:pt x="363" y="320"/>
                </a:lnTo>
                <a:lnTo>
                  <a:pt x="363" y="319"/>
                </a:lnTo>
                <a:lnTo>
                  <a:pt x="364" y="319"/>
                </a:lnTo>
                <a:lnTo>
                  <a:pt x="364" y="318"/>
                </a:lnTo>
                <a:lnTo>
                  <a:pt x="365" y="318"/>
                </a:lnTo>
                <a:lnTo>
                  <a:pt x="365" y="317"/>
                </a:lnTo>
                <a:lnTo>
                  <a:pt x="366" y="317"/>
                </a:lnTo>
                <a:lnTo>
                  <a:pt x="367" y="316"/>
                </a:lnTo>
                <a:lnTo>
                  <a:pt x="367" y="315"/>
                </a:lnTo>
                <a:lnTo>
                  <a:pt x="368" y="315"/>
                </a:lnTo>
                <a:lnTo>
                  <a:pt x="368" y="314"/>
                </a:lnTo>
                <a:lnTo>
                  <a:pt x="369" y="314"/>
                </a:lnTo>
                <a:lnTo>
                  <a:pt x="370" y="313"/>
                </a:lnTo>
                <a:lnTo>
                  <a:pt x="370" y="313"/>
                </a:lnTo>
                <a:lnTo>
                  <a:pt x="371" y="312"/>
                </a:lnTo>
                <a:lnTo>
                  <a:pt x="372" y="312"/>
                </a:lnTo>
                <a:lnTo>
                  <a:pt x="372" y="311"/>
                </a:lnTo>
                <a:lnTo>
                  <a:pt x="373" y="311"/>
                </a:lnTo>
                <a:lnTo>
                  <a:pt x="361" y="297"/>
                </a:lnTo>
                <a:close/>
                <a:moveTo>
                  <a:pt x="325" y="339"/>
                </a:moveTo>
                <a:lnTo>
                  <a:pt x="325" y="339"/>
                </a:lnTo>
                <a:lnTo>
                  <a:pt x="325" y="340"/>
                </a:lnTo>
                <a:lnTo>
                  <a:pt x="324" y="341"/>
                </a:lnTo>
                <a:lnTo>
                  <a:pt x="324" y="341"/>
                </a:lnTo>
                <a:lnTo>
                  <a:pt x="323" y="342"/>
                </a:lnTo>
                <a:lnTo>
                  <a:pt x="323" y="343"/>
                </a:lnTo>
                <a:lnTo>
                  <a:pt x="323" y="344"/>
                </a:lnTo>
                <a:lnTo>
                  <a:pt x="322" y="345"/>
                </a:lnTo>
                <a:lnTo>
                  <a:pt x="322" y="345"/>
                </a:lnTo>
                <a:lnTo>
                  <a:pt x="321" y="346"/>
                </a:lnTo>
                <a:lnTo>
                  <a:pt x="321" y="347"/>
                </a:lnTo>
                <a:lnTo>
                  <a:pt x="320" y="348"/>
                </a:lnTo>
                <a:lnTo>
                  <a:pt x="320" y="349"/>
                </a:lnTo>
                <a:lnTo>
                  <a:pt x="320" y="350"/>
                </a:lnTo>
                <a:lnTo>
                  <a:pt x="319" y="350"/>
                </a:lnTo>
                <a:lnTo>
                  <a:pt x="319" y="351"/>
                </a:lnTo>
                <a:lnTo>
                  <a:pt x="318" y="352"/>
                </a:lnTo>
                <a:lnTo>
                  <a:pt x="318" y="353"/>
                </a:lnTo>
                <a:lnTo>
                  <a:pt x="318" y="354"/>
                </a:lnTo>
                <a:lnTo>
                  <a:pt x="317" y="355"/>
                </a:lnTo>
                <a:lnTo>
                  <a:pt x="317" y="356"/>
                </a:lnTo>
                <a:lnTo>
                  <a:pt x="317" y="356"/>
                </a:lnTo>
                <a:lnTo>
                  <a:pt x="333" y="363"/>
                </a:lnTo>
                <a:lnTo>
                  <a:pt x="333" y="363"/>
                </a:lnTo>
                <a:lnTo>
                  <a:pt x="333" y="362"/>
                </a:lnTo>
                <a:lnTo>
                  <a:pt x="334" y="361"/>
                </a:lnTo>
                <a:lnTo>
                  <a:pt x="334" y="360"/>
                </a:lnTo>
                <a:lnTo>
                  <a:pt x="334" y="360"/>
                </a:lnTo>
                <a:lnTo>
                  <a:pt x="335" y="359"/>
                </a:lnTo>
                <a:lnTo>
                  <a:pt x="335" y="358"/>
                </a:lnTo>
                <a:lnTo>
                  <a:pt x="335" y="357"/>
                </a:lnTo>
                <a:lnTo>
                  <a:pt x="336" y="357"/>
                </a:lnTo>
                <a:lnTo>
                  <a:pt x="336" y="356"/>
                </a:lnTo>
                <a:lnTo>
                  <a:pt x="336" y="355"/>
                </a:lnTo>
                <a:lnTo>
                  <a:pt x="337" y="354"/>
                </a:lnTo>
                <a:lnTo>
                  <a:pt x="337" y="354"/>
                </a:lnTo>
                <a:lnTo>
                  <a:pt x="338" y="353"/>
                </a:lnTo>
                <a:lnTo>
                  <a:pt x="338" y="352"/>
                </a:lnTo>
                <a:lnTo>
                  <a:pt x="338" y="351"/>
                </a:lnTo>
                <a:lnTo>
                  <a:pt x="339" y="351"/>
                </a:lnTo>
                <a:lnTo>
                  <a:pt x="339" y="350"/>
                </a:lnTo>
                <a:lnTo>
                  <a:pt x="340" y="349"/>
                </a:lnTo>
                <a:lnTo>
                  <a:pt x="340" y="349"/>
                </a:lnTo>
                <a:lnTo>
                  <a:pt x="340" y="348"/>
                </a:lnTo>
                <a:lnTo>
                  <a:pt x="325" y="339"/>
                </a:lnTo>
                <a:close/>
                <a:moveTo>
                  <a:pt x="306" y="392"/>
                </a:moveTo>
                <a:lnTo>
                  <a:pt x="306" y="392"/>
                </a:lnTo>
                <a:lnTo>
                  <a:pt x="306" y="393"/>
                </a:lnTo>
                <a:lnTo>
                  <a:pt x="306" y="394"/>
                </a:lnTo>
                <a:lnTo>
                  <a:pt x="306" y="394"/>
                </a:lnTo>
                <a:lnTo>
                  <a:pt x="306" y="395"/>
                </a:lnTo>
                <a:lnTo>
                  <a:pt x="305" y="396"/>
                </a:lnTo>
                <a:lnTo>
                  <a:pt x="305" y="397"/>
                </a:lnTo>
                <a:lnTo>
                  <a:pt x="305" y="398"/>
                </a:lnTo>
                <a:lnTo>
                  <a:pt x="305" y="399"/>
                </a:lnTo>
                <a:lnTo>
                  <a:pt x="305" y="400"/>
                </a:lnTo>
                <a:lnTo>
                  <a:pt x="305" y="401"/>
                </a:lnTo>
                <a:lnTo>
                  <a:pt x="305" y="402"/>
                </a:lnTo>
                <a:lnTo>
                  <a:pt x="305" y="403"/>
                </a:lnTo>
                <a:lnTo>
                  <a:pt x="305" y="404"/>
                </a:lnTo>
                <a:lnTo>
                  <a:pt x="304" y="405"/>
                </a:lnTo>
                <a:lnTo>
                  <a:pt x="304" y="406"/>
                </a:lnTo>
                <a:lnTo>
                  <a:pt x="304" y="407"/>
                </a:lnTo>
                <a:lnTo>
                  <a:pt x="304" y="408"/>
                </a:lnTo>
                <a:lnTo>
                  <a:pt x="304" y="409"/>
                </a:lnTo>
                <a:lnTo>
                  <a:pt x="304" y="410"/>
                </a:lnTo>
                <a:lnTo>
                  <a:pt x="304" y="410"/>
                </a:lnTo>
                <a:lnTo>
                  <a:pt x="322" y="411"/>
                </a:lnTo>
                <a:lnTo>
                  <a:pt x="322" y="411"/>
                </a:lnTo>
                <a:lnTo>
                  <a:pt x="322" y="410"/>
                </a:lnTo>
                <a:lnTo>
                  <a:pt x="322" y="409"/>
                </a:lnTo>
                <a:lnTo>
                  <a:pt x="322" y="408"/>
                </a:lnTo>
                <a:lnTo>
                  <a:pt x="322" y="407"/>
                </a:lnTo>
                <a:lnTo>
                  <a:pt x="322" y="406"/>
                </a:lnTo>
                <a:lnTo>
                  <a:pt x="322" y="406"/>
                </a:lnTo>
                <a:lnTo>
                  <a:pt x="322" y="405"/>
                </a:lnTo>
                <a:lnTo>
                  <a:pt x="322" y="404"/>
                </a:lnTo>
                <a:lnTo>
                  <a:pt x="322" y="403"/>
                </a:lnTo>
                <a:lnTo>
                  <a:pt x="322" y="402"/>
                </a:lnTo>
                <a:lnTo>
                  <a:pt x="323" y="401"/>
                </a:lnTo>
                <a:lnTo>
                  <a:pt x="323" y="400"/>
                </a:lnTo>
                <a:lnTo>
                  <a:pt x="323" y="400"/>
                </a:lnTo>
                <a:lnTo>
                  <a:pt x="323" y="399"/>
                </a:lnTo>
                <a:lnTo>
                  <a:pt x="323" y="398"/>
                </a:lnTo>
                <a:lnTo>
                  <a:pt x="323" y="397"/>
                </a:lnTo>
                <a:lnTo>
                  <a:pt x="323" y="396"/>
                </a:lnTo>
                <a:lnTo>
                  <a:pt x="323" y="395"/>
                </a:lnTo>
                <a:lnTo>
                  <a:pt x="323" y="395"/>
                </a:lnTo>
                <a:lnTo>
                  <a:pt x="306" y="392"/>
                </a:lnTo>
                <a:close/>
                <a:moveTo>
                  <a:pt x="307" y="447"/>
                </a:moveTo>
                <a:lnTo>
                  <a:pt x="307" y="447"/>
                </a:lnTo>
                <a:lnTo>
                  <a:pt x="307" y="448"/>
                </a:lnTo>
                <a:lnTo>
                  <a:pt x="307" y="449"/>
                </a:lnTo>
                <a:lnTo>
                  <a:pt x="308" y="450"/>
                </a:lnTo>
                <a:lnTo>
                  <a:pt x="308" y="450"/>
                </a:lnTo>
                <a:lnTo>
                  <a:pt x="308" y="451"/>
                </a:lnTo>
                <a:lnTo>
                  <a:pt x="308" y="452"/>
                </a:lnTo>
                <a:lnTo>
                  <a:pt x="308" y="453"/>
                </a:lnTo>
                <a:lnTo>
                  <a:pt x="309" y="454"/>
                </a:lnTo>
                <a:lnTo>
                  <a:pt x="309" y="455"/>
                </a:lnTo>
                <a:lnTo>
                  <a:pt x="309" y="456"/>
                </a:lnTo>
                <a:lnTo>
                  <a:pt x="309" y="457"/>
                </a:lnTo>
                <a:lnTo>
                  <a:pt x="310" y="458"/>
                </a:lnTo>
                <a:lnTo>
                  <a:pt x="310" y="459"/>
                </a:lnTo>
                <a:lnTo>
                  <a:pt x="310" y="460"/>
                </a:lnTo>
                <a:lnTo>
                  <a:pt x="310" y="461"/>
                </a:lnTo>
                <a:lnTo>
                  <a:pt x="311" y="461"/>
                </a:lnTo>
                <a:lnTo>
                  <a:pt x="311" y="462"/>
                </a:lnTo>
                <a:lnTo>
                  <a:pt x="311" y="463"/>
                </a:lnTo>
                <a:lnTo>
                  <a:pt x="312" y="464"/>
                </a:lnTo>
                <a:lnTo>
                  <a:pt x="312" y="465"/>
                </a:lnTo>
                <a:lnTo>
                  <a:pt x="312" y="465"/>
                </a:lnTo>
                <a:lnTo>
                  <a:pt x="329" y="460"/>
                </a:lnTo>
                <a:lnTo>
                  <a:pt x="328" y="459"/>
                </a:lnTo>
                <a:lnTo>
                  <a:pt x="328" y="459"/>
                </a:lnTo>
                <a:lnTo>
                  <a:pt x="328" y="458"/>
                </a:lnTo>
                <a:lnTo>
                  <a:pt x="328" y="457"/>
                </a:lnTo>
                <a:lnTo>
                  <a:pt x="328" y="456"/>
                </a:lnTo>
                <a:lnTo>
                  <a:pt x="327" y="456"/>
                </a:lnTo>
                <a:lnTo>
                  <a:pt x="327" y="455"/>
                </a:lnTo>
                <a:lnTo>
                  <a:pt x="327" y="454"/>
                </a:lnTo>
                <a:lnTo>
                  <a:pt x="327" y="453"/>
                </a:lnTo>
                <a:lnTo>
                  <a:pt x="326" y="452"/>
                </a:lnTo>
                <a:lnTo>
                  <a:pt x="326" y="452"/>
                </a:lnTo>
                <a:lnTo>
                  <a:pt x="326" y="451"/>
                </a:lnTo>
                <a:lnTo>
                  <a:pt x="326" y="450"/>
                </a:lnTo>
                <a:lnTo>
                  <a:pt x="325" y="449"/>
                </a:lnTo>
                <a:lnTo>
                  <a:pt x="325" y="448"/>
                </a:lnTo>
                <a:lnTo>
                  <a:pt x="325" y="447"/>
                </a:lnTo>
                <a:lnTo>
                  <a:pt x="325" y="447"/>
                </a:lnTo>
                <a:lnTo>
                  <a:pt x="325" y="446"/>
                </a:lnTo>
                <a:lnTo>
                  <a:pt x="325" y="445"/>
                </a:lnTo>
                <a:lnTo>
                  <a:pt x="324" y="444"/>
                </a:lnTo>
                <a:lnTo>
                  <a:pt x="324" y="444"/>
                </a:lnTo>
                <a:lnTo>
                  <a:pt x="307" y="447"/>
                </a:lnTo>
                <a:close/>
                <a:moveTo>
                  <a:pt x="328" y="499"/>
                </a:moveTo>
                <a:lnTo>
                  <a:pt x="328" y="499"/>
                </a:lnTo>
                <a:lnTo>
                  <a:pt x="328" y="499"/>
                </a:lnTo>
                <a:lnTo>
                  <a:pt x="329" y="500"/>
                </a:lnTo>
                <a:lnTo>
                  <a:pt x="329" y="501"/>
                </a:lnTo>
                <a:lnTo>
                  <a:pt x="330" y="502"/>
                </a:lnTo>
                <a:lnTo>
                  <a:pt x="330" y="502"/>
                </a:lnTo>
                <a:lnTo>
                  <a:pt x="331" y="503"/>
                </a:lnTo>
                <a:lnTo>
                  <a:pt x="331" y="504"/>
                </a:lnTo>
                <a:lnTo>
                  <a:pt x="332" y="505"/>
                </a:lnTo>
                <a:lnTo>
                  <a:pt x="332" y="505"/>
                </a:lnTo>
                <a:lnTo>
                  <a:pt x="333" y="506"/>
                </a:lnTo>
                <a:lnTo>
                  <a:pt x="333" y="507"/>
                </a:lnTo>
                <a:lnTo>
                  <a:pt x="334" y="508"/>
                </a:lnTo>
                <a:lnTo>
                  <a:pt x="334" y="508"/>
                </a:lnTo>
                <a:lnTo>
                  <a:pt x="335" y="509"/>
                </a:lnTo>
                <a:lnTo>
                  <a:pt x="336" y="510"/>
                </a:lnTo>
                <a:lnTo>
                  <a:pt x="336" y="511"/>
                </a:lnTo>
                <a:lnTo>
                  <a:pt x="337" y="511"/>
                </a:lnTo>
                <a:lnTo>
                  <a:pt x="337" y="512"/>
                </a:lnTo>
                <a:lnTo>
                  <a:pt x="338" y="513"/>
                </a:lnTo>
                <a:lnTo>
                  <a:pt x="338" y="514"/>
                </a:lnTo>
                <a:lnTo>
                  <a:pt x="339" y="514"/>
                </a:lnTo>
                <a:lnTo>
                  <a:pt x="353" y="503"/>
                </a:lnTo>
                <a:lnTo>
                  <a:pt x="352" y="502"/>
                </a:lnTo>
                <a:lnTo>
                  <a:pt x="352" y="502"/>
                </a:lnTo>
                <a:lnTo>
                  <a:pt x="351" y="501"/>
                </a:lnTo>
                <a:lnTo>
                  <a:pt x="351" y="500"/>
                </a:lnTo>
                <a:lnTo>
                  <a:pt x="350" y="500"/>
                </a:lnTo>
                <a:lnTo>
                  <a:pt x="350" y="499"/>
                </a:lnTo>
                <a:lnTo>
                  <a:pt x="349" y="499"/>
                </a:lnTo>
                <a:lnTo>
                  <a:pt x="349" y="498"/>
                </a:lnTo>
                <a:lnTo>
                  <a:pt x="348" y="497"/>
                </a:lnTo>
                <a:lnTo>
                  <a:pt x="348" y="497"/>
                </a:lnTo>
                <a:lnTo>
                  <a:pt x="347" y="496"/>
                </a:lnTo>
                <a:lnTo>
                  <a:pt x="347" y="495"/>
                </a:lnTo>
                <a:lnTo>
                  <a:pt x="346" y="495"/>
                </a:lnTo>
                <a:lnTo>
                  <a:pt x="346" y="494"/>
                </a:lnTo>
                <a:lnTo>
                  <a:pt x="345" y="493"/>
                </a:lnTo>
                <a:lnTo>
                  <a:pt x="345" y="493"/>
                </a:lnTo>
                <a:lnTo>
                  <a:pt x="344" y="492"/>
                </a:lnTo>
                <a:lnTo>
                  <a:pt x="344" y="491"/>
                </a:lnTo>
                <a:lnTo>
                  <a:pt x="343" y="491"/>
                </a:lnTo>
                <a:lnTo>
                  <a:pt x="343" y="490"/>
                </a:lnTo>
                <a:lnTo>
                  <a:pt x="343" y="490"/>
                </a:lnTo>
                <a:lnTo>
                  <a:pt x="328" y="499"/>
                </a:lnTo>
                <a:close/>
                <a:moveTo>
                  <a:pt x="366" y="540"/>
                </a:moveTo>
                <a:lnTo>
                  <a:pt x="366" y="540"/>
                </a:lnTo>
                <a:lnTo>
                  <a:pt x="366" y="540"/>
                </a:lnTo>
                <a:lnTo>
                  <a:pt x="367" y="541"/>
                </a:lnTo>
                <a:lnTo>
                  <a:pt x="368" y="541"/>
                </a:lnTo>
                <a:lnTo>
                  <a:pt x="369" y="542"/>
                </a:lnTo>
                <a:lnTo>
                  <a:pt x="369" y="542"/>
                </a:lnTo>
                <a:lnTo>
                  <a:pt x="370" y="543"/>
                </a:lnTo>
                <a:lnTo>
                  <a:pt x="371" y="543"/>
                </a:lnTo>
                <a:lnTo>
                  <a:pt x="372" y="544"/>
                </a:lnTo>
                <a:lnTo>
                  <a:pt x="372" y="544"/>
                </a:lnTo>
                <a:lnTo>
                  <a:pt x="373" y="545"/>
                </a:lnTo>
                <a:lnTo>
                  <a:pt x="374" y="545"/>
                </a:lnTo>
                <a:lnTo>
                  <a:pt x="375" y="546"/>
                </a:lnTo>
                <a:lnTo>
                  <a:pt x="375" y="546"/>
                </a:lnTo>
                <a:lnTo>
                  <a:pt x="376" y="547"/>
                </a:lnTo>
                <a:lnTo>
                  <a:pt x="377" y="547"/>
                </a:lnTo>
                <a:lnTo>
                  <a:pt x="378" y="548"/>
                </a:lnTo>
                <a:lnTo>
                  <a:pt x="379" y="548"/>
                </a:lnTo>
                <a:lnTo>
                  <a:pt x="379" y="549"/>
                </a:lnTo>
                <a:lnTo>
                  <a:pt x="380" y="549"/>
                </a:lnTo>
                <a:lnTo>
                  <a:pt x="381" y="550"/>
                </a:lnTo>
                <a:lnTo>
                  <a:pt x="382" y="550"/>
                </a:lnTo>
                <a:lnTo>
                  <a:pt x="390" y="535"/>
                </a:lnTo>
                <a:lnTo>
                  <a:pt x="390" y="534"/>
                </a:lnTo>
                <a:lnTo>
                  <a:pt x="389" y="534"/>
                </a:lnTo>
                <a:lnTo>
                  <a:pt x="388" y="534"/>
                </a:lnTo>
                <a:lnTo>
                  <a:pt x="388" y="533"/>
                </a:lnTo>
                <a:lnTo>
                  <a:pt x="387" y="533"/>
                </a:lnTo>
                <a:lnTo>
                  <a:pt x="386" y="532"/>
                </a:lnTo>
                <a:lnTo>
                  <a:pt x="385" y="532"/>
                </a:lnTo>
                <a:lnTo>
                  <a:pt x="385" y="531"/>
                </a:lnTo>
                <a:lnTo>
                  <a:pt x="384" y="531"/>
                </a:lnTo>
                <a:lnTo>
                  <a:pt x="383" y="531"/>
                </a:lnTo>
                <a:lnTo>
                  <a:pt x="383" y="530"/>
                </a:lnTo>
                <a:lnTo>
                  <a:pt x="382" y="530"/>
                </a:lnTo>
                <a:lnTo>
                  <a:pt x="381" y="529"/>
                </a:lnTo>
                <a:lnTo>
                  <a:pt x="381" y="529"/>
                </a:lnTo>
                <a:lnTo>
                  <a:pt x="380" y="528"/>
                </a:lnTo>
                <a:lnTo>
                  <a:pt x="379" y="528"/>
                </a:lnTo>
                <a:lnTo>
                  <a:pt x="379" y="527"/>
                </a:lnTo>
                <a:lnTo>
                  <a:pt x="378" y="527"/>
                </a:lnTo>
                <a:lnTo>
                  <a:pt x="377" y="526"/>
                </a:lnTo>
                <a:lnTo>
                  <a:pt x="377" y="526"/>
                </a:lnTo>
                <a:lnTo>
                  <a:pt x="376" y="526"/>
                </a:lnTo>
                <a:lnTo>
                  <a:pt x="366" y="540"/>
                </a:lnTo>
                <a:close/>
                <a:moveTo>
                  <a:pt x="416" y="564"/>
                </a:moveTo>
                <a:lnTo>
                  <a:pt x="416" y="564"/>
                </a:lnTo>
                <a:lnTo>
                  <a:pt x="416" y="564"/>
                </a:lnTo>
                <a:lnTo>
                  <a:pt x="417" y="565"/>
                </a:lnTo>
                <a:lnTo>
                  <a:pt x="418" y="565"/>
                </a:lnTo>
                <a:lnTo>
                  <a:pt x="419" y="565"/>
                </a:lnTo>
                <a:lnTo>
                  <a:pt x="420" y="565"/>
                </a:lnTo>
                <a:lnTo>
                  <a:pt x="421" y="566"/>
                </a:lnTo>
                <a:lnTo>
                  <a:pt x="422" y="566"/>
                </a:lnTo>
                <a:lnTo>
                  <a:pt x="423" y="566"/>
                </a:lnTo>
                <a:lnTo>
                  <a:pt x="424" y="566"/>
                </a:lnTo>
                <a:lnTo>
                  <a:pt x="424" y="566"/>
                </a:lnTo>
                <a:lnTo>
                  <a:pt x="425" y="567"/>
                </a:lnTo>
                <a:lnTo>
                  <a:pt x="426" y="567"/>
                </a:lnTo>
                <a:lnTo>
                  <a:pt x="427" y="567"/>
                </a:lnTo>
                <a:lnTo>
                  <a:pt x="428" y="567"/>
                </a:lnTo>
                <a:lnTo>
                  <a:pt x="429" y="567"/>
                </a:lnTo>
                <a:lnTo>
                  <a:pt x="430" y="568"/>
                </a:lnTo>
                <a:lnTo>
                  <a:pt x="431" y="568"/>
                </a:lnTo>
                <a:lnTo>
                  <a:pt x="432" y="568"/>
                </a:lnTo>
                <a:lnTo>
                  <a:pt x="433" y="568"/>
                </a:lnTo>
                <a:lnTo>
                  <a:pt x="434" y="568"/>
                </a:lnTo>
                <a:lnTo>
                  <a:pt x="434" y="568"/>
                </a:lnTo>
                <a:lnTo>
                  <a:pt x="437" y="551"/>
                </a:lnTo>
                <a:lnTo>
                  <a:pt x="437" y="551"/>
                </a:lnTo>
                <a:lnTo>
                  <a:pt x="436" y="551"/>
                </a:lnTo>
                <a:lnTo>
                  <a:pt x="435" y="551"/>
                </a:lnTo>
                <a:lnTo>
                  <a:pt x="434" y="550"/>
                </a:lnTo>
                <a:lnTo>
                  <a:pt x="433" y="550"/>
                </a:lnTo>
                <a:lnTo>
                  <a:pt x="432" y="550"/>
                </a:lnTo>
                <a:lnTo>
                  <a:pt x="431" y="550"/>
                </a:lnTo>
                <a:lnTo>
                  <a:pt x="431" y="550"/>
                </a:lnTo>
                <a:lnTo>
                  <a:pt x="430" y="550"/>
                </a:lnTo>
                <a:lnTo>
                  <a:pt x="429" y="549"/>
                </a:lnTo>
                <a:lnTo>
                  <a:pt x="428" y="549"/>
                </a:lnTo>
                <a:lnTo>
                  <a:pt x="427" y="549"/>
                </a:lnTo>
                <a:lnTo>
                  <a:pt x="427" y="549"/>
                </a:lnTo>
                <a:lnTo>
                  <a:pt x="426" y="549"/>
                </a:lnTo>
                <a:lnTo>
                  <a:pt x="425" y="548"/>
                </a:lnTo>
                <a:lnTo>
                  <a:pt x="424" y="548"/>
                </a:lnTo>
                <a:lnTo>
                  <a:pt x="423" y="548"/>
                </a:lnTo>
                <a:lnTo>
                  <a:pt x="422" y="548"/>
                </a:lnTo>
                <a:lnTo>
                  <a:pt x="422" y="548"/>
                </a:lnTo>
                <a:lnTo>
                  <a:pt x="421" y="547"/>
                </a:lnTo>
                <a:lnTo>
                  <a:pt x="421" y="547"/>
                </a:lnTo>
                <a:lnTo>
                  <a:pt x="416" y="564"/>
                </a:lnTo>
                <a:close/>
                <a:moveTo>
                  <a:pt x="471" y="569"/>
                </a:moveTo>
                <a:lnTo>
                  <a:pt x="471" y="569"/>
                </a:lnTo>
                <a:lnTo>
                  <a:pt x="472" y="569"/>
                </a:lnTo>
                <a:lnTo>
                  <a:pt x="473" y="569"/>
                </a:lnTo>
                <a:lnTo>
                  <a:pt x="474" y="569"/>
                </a:lnTo>
                <a:lnTo>
                  <a:pt x="475" y="569"/>
                </a:lnTo>
                <a:lnTo>
                  <a:pt x="476" y="569"/>
                </a:lnTo>
                <a:lnTo>
                  <a:pt x="477" y="569"/>
                </a:lnTo>
                <a:lnTo>
                  <a:pt x="478" y="569"/>
                </a:lnTo>
                <a:lnTo>
                  <a:pt x="479" y="568"/>
                </a:lnTo>
                <a:lnTo>
                  <a:pt x="480" y="568"/>
                </a:lnTo>
                <a:lnTo>
                  <a:pt x="480" y="568"/>
                </a:lnTo>
                <a:lnTo>
                  <a:pt x="481" y="568"/>
                </a:lnTo>
                <a:lnTo>
                  <a:pt x="482" y="568"/>
                </a:lnTo>
                <a:lnTo>
                  <a:pt x="483" y="568"/>
                </a:lnTo>
                <a:lnTo>
                  <a:pt x="484" y="568"/>
                </a:lnTo>
                <a:lnTo>
                  <a:pt x="485" y="567"/>
                </a:lnTo>
                <a:lnTo>
                  <a:pt x="486" y="567"/>
                </a:lnTo>
                <a:lnTo>
                  <a:pt x="487" y="567"/>
                </a:lnTo>
                <a:lnTo>
                  <a:pt x="488" y="567"/>
                </a:lnTo>
                <a:lnTo>
                  <a:pt x="489" y="567"/>
                </a:lnTo>
                <a:lnTo>
                  <a:pt x="490" y="566"/>
                </a:lnTo>
                <a:lnTo>
                  <a:pt x="490" y="566"/>
                </a:lnTo>
                <a:lnTo>
                  <a:pt x="486" y="549"/>
                </a:lnTo>
                <a:lnTo>
                  <a:pt x="486" y="549"/>
                </a:lnTo>
                <a:lnTo>
                  <a:pt x="485" y="549"/>
                </a:lnTo>
                <a:lnTo>
                  <a:pt x="485" y="550"/>
                </a:lnTo>
                <a:lnTo>
                  <a:pt x="484" y="550"/>
                </a:lnTo>
                <a:lnTo>
                  <a:pt x="483" y="550"/>
                </a:lnTo>
                <a:lnTo>
                  <a:pt x="482" y="550"/>
                </a:lnTo>
                <a:lnTo>
                  <a:pt x="481" y="550"/>
                </a:lnTo>
                <a:lnTo>
                  <a:pt x="480" y="550"/>
                </a:lnTo>
                <a:lnTo>
                  <a:pt x="479" y="551"/>
                </a:lnTo>
                <a:lnTo>
                  <a:pt x="479" y="551"/>
                </a:lnTo>
                <a:lnTo>
                  <a:pt x="478" y="551"/>
                </a:lnTo>
                <a:lnTo>
                  <a:pt x="477" y="551"/>
                </a:lnTo>
                <a:lnTo>
                  <a:pt x="476" y="551"/>
                </a:lnTo>
                <a:lnTo>
                  <a:pt x="475" y="551"/>
                </a:lnTo>
                <a:lnTo>
                  <a:pt x="474" y="551"/>
                </a:lnTo>
                <a:lnTo>
                  <a:pt x="474" y="551"/>
                </a:lnTo>
                <a:lnTo>
                  <a:pt x="473" y="551"/>
                </a:lnTo>
                <a:lnTo>
                  <a:pt x="472" y="552"/>
                </a:lnTo>
                <a:lnTo>
                  <a:pt x="471" y="552"/>
                </a:lnTo>
                <a:lnTo>
                  <a:pt x="470" y="552"/>
                </a:lnTo>
                <a:lnTo>
                  <a:pt x="470" y="552"/>
                </a:lnTo>
                <a:lnTo>
                  <a:pt x="471" y="569"/>
                </a:lnTo>
                <a:close/>
                <a:moveTo>
                  <a:pt x="525" y="554"/>
                </a:moveTo>
                <a:lnTo>
                  <a:pt x="525" y="554"/>
                </a:lnTo>
                <a:lnTo>
                  <a:pt x="525" y="554"/>
                </a:lnTo>
                <a:lnTo>
                  <a:pt x="526" y="554"/>
                </a:lnTo>
                <a:lnTo>
                  <a:pt x="527" y="553"/>
                </a:lnTo>
                <a:lnTo>
                  <a:pt x="528" y="553"/>
                </a:lnTo>
                <a:lnTo>
                  <a:pt x="529" y="552"/>
                </a:lnTo>
                <a:lnTo>
                  <a:pt x="529" y="552"/>
                </a:lnTo>
                <a:lnTo>
                  <a:pt x="530" y="551"/>
                </a:lnTo>
                <a:lnTo>
                  <a:pt x="531" y="551"/>
                </a:lnTo>
                <a:lnTo>
                  <a:pt x="532" y="551"/>
                </a:lnTo>
                <a:lnTo>
                  <a:pt x="533" y="550"/>
                </a:lnTo>
                <a:lnTo>
                  <a:pt x="533" y="550"/>
                </a:lnTo>
                <a:lnTo>
                  <a:pt x="534" y="549"/>
                </a:lnTo>
                <a:lnTo>
                  <a:pt x="535" y="549"/>
                </a:lnTo>
                <a:lnTo>
                  <a:pt x="536" y="548"/>
                </a:lnTo>
                <a:lnTo>
                  <a:pt x="537" y="548"/>
                </a:lnTo>
                <a:lnTo>
                  <a:pt x="537" y="547"/>
                </a:lnTo>
                <a:lnTo>
                  <a:pt x="538" y="547"/>
                </a:lnTo>
                <a:lnTo>
                  <a:pt x="539" y="546"/>
                </a:lnTo>
                <a:lnTo>
                  <a:pt x="540" y="546"/>
                </a:lnTo>
                <a:lnTo>
                  <a:pt x="540" y="545"/>
                </a:lnTo>
                <a:lnTo>
                  <a:pt x="541" y="545"/>
                </a:lnTo>
                <a:lnTo>
                  <a:pt x="532" y="530"/>
                </a:lnTo>
                <a:lnTo>
                  <a:pt x="531" y="531"/>
                </a:lnTo>
                <a:lnTo>
                  <a:pt x="530" y="531"/>
                </a:lnTo>
                <a:lnTo>
                  <a:pt x="530" y="531"/>
                </a:lnTo>
                <a:lnTo>
                  <a:pt x="529" y="532"/>
                </a:lnTo>
                <a:lnTo>
                  <a:pt x="528" y="532"/>
                </a:lnTo>
                <a:lnTo>
                  <a:pt x="527" y="533"/>
                </a:lnTo>
                <a:lnTo>
                  <a:pt x="527" y="533"/>
                </a:lnTo>
                <a:lnTo>
                  <a:pt x="526" y="534"/>
                </a:lnTo>
                <a:lnTo>
                  <a:pt x="525" y="534"/>
                </a:lnTo>
                <a:lnTo>
                  <a:pt x="525" y="534"/>
                </a:lnTo>
                <a:lnTo>
                  <a:pt x="524" y="535"/>
                </a:lnTo>
                <a:lnTo>
                  <a:pt x="523" y="535"/>
                </a:lnTo>
                <a:lnTo>
                  <a:pt x="522" y="536"/>
                </a:lnTo>
                <a:lnTo>
                  <a:pt x="522" y="536"/>
                </a:lnTo>
                <a:lnTo>
                  <a:pt x="521" y="536"/>
                </a:lnTo>
                <a:lnTo>
                  <a:pt x="520" y="537"/>
                </a:lnTo>
                <a:lnTo>
                  <a:pt x="520" y="537"/>
                </a:lnTo>
                <a:lnTo>
                  <a:pt x="519" y="538"/>
                </a:lnTo>
                <a:lnTo>
                  <a:pt x="518" y="538"/>
                </a:lnTo>
                <a:lnTo>
                  <a:pt x="517" y="538"/>
                </a:lnTo>
                <a:lnTo>
                  <a:pt x="517" y="538"/>
                </a:lnTo>
                <a:lnTo>
                  <a:pt x="525" y="554"/>
                </a:lnTo>
                <a:close/>
                <a:moveTo>
                  <a:pt x="570" y="521"/>
                </a:moveTo>
                <a:lnTo>
                  <a:pt x="570" y="521"/>
                </a:lnTo>
                <a:lnTo>
                  <a:pt x="570" y="520"/>
                </a:lnTo>
                <a:lnTo>
                  <a:pt x="570" y="520"/>
                </a:lnTo>
                <a:lnTo>
                  <a:pt x="571" y="519"/>
                </a:lnTo>
                <a:lnTo>
                  <a:pt x="572" y="518"/>
                </a:lnTo>
                <a:lnTo>
                  <a:pt x="572" y="518"/>
                </a:lnTo>
                <a:lnTo>
                  <a:pt x="573" y="517"/>
                </a:lnTo>
                <a:lnTo>
                  <a:pt x="574" y="516"/>
                </a:lnTo>
                <a:lnTo>
                  <a:pt x="574" y="516"/>
                </a:lnTo>
                <a:lnTo>
                  <a:pt x="575" y="515"/>
                </a:lnTo>
                <a:lnTo>
                  <a:pt x="575" y="514"/>
                </a:lnTo>
                <a:lnTo>
                  <a:pt x="576" y="514"/>
                </a:lnTo>
                <a:lnTo>
                  <a:pt x="576" y="513"/>
                </a:lnTo>
                <a:lnTo>
                  <a:pt x="577" y="512"/>
                </a:lnTo>
                <a:lnTo>
                  <a:pt x="578" y="511"/>
                </a:lnTo>
                <a:lnTo>
                  <a:pt x="578" y="511"/>
                </a:lnTo>
                <a:lnTo>
                  <a:pt x="579" y="510"/>
                </a:lnTo>
                <a:lnTo>
                  <a:pt x="579" y="509"/>
                </a:lnTo>
                <a:lnTo>
                  <a:pt x="580" y="508"/>
                </a:lnTo>
                <a:lnTo>
                  <a:pt x="580" y="508"/>
                </a:lnTo>
                <a:lnTo>
                  <a:pt x="581" y="507"/>
                </a:lnTo>
                <a:lnTo>
                  <a:pt x="581" y="506"/>
                </a:lnTo>
                <a:lnTo>
                  <a:pt x="567" y="496"/>
                </a:lnTo>
                <a:lnTo>
                  <a:pt x="567" y="497"/>
                </a:lnTo>
                <a:lnTo>
                  <a:pt x="566" y="497"/>
                </a:lnTo>
                <a:lnTo>
                  <a:pt x="566" y="498"/>
                </a:lnTo>
                <a:lnTo>
                  <a:pt x="565" y="499"/>
                </a:lnTo>
                <a:lnTo>
                  <a:pt x="565" y="499"/>
                </a:lnTo>
                <a:lnTo>
                  <a:pt x="564" y="500"/>
                </a:lnTo>
                <a:lnTo>
                  <a:pt x="564" y="500"/>
                </a:lnTo>
                <a:lnTo>
                  <a:pt x="563" y="501"/>
                </a:lnTo>
                <a:lnTo>
                  <a:pt x="563" y="502"/>
                </a:lnTo>
                <a:lnTo>
                  <a:pt x="562" y="502"/>
                </a:lnTo>
                <a:lnTo>
                  <a:pt x="562" y="503"/>
                </a:lnTo>
                <a:lnTo>
                  <a:pt x="561" y="504"/>
                </a:lnTo>
                <a:lnTo>
                  <a:pt x="561" y="504"/>
                </a:lnTo>
                <a:lnTo>
                  <a:pt x="560" y="505"/>
                </a:lnTo>
                <a:lnTo>
                  <a:pt x="560" y="505"/>
                </a:lnTo>
                <a:lnTo>
                  <a:pt x="559" y="506"/>
                </a:lnTo>
                <a:lnTo>
                  <a:pt x="559" y="507"/>
                </a:lnTo>
                <a:lnTo>
                  <a:pt x="558" y="507"/>
                </a:lnTo>
                <a:lnTo>
                  <a:pt x="557" y="508"/>
                </a:lnTo>
                <a:lnTo>
                  <a:pt x="557" y="509"/>
                </a:lnTo>
                <a:lnTo>
                  <a:pt x="557" y="509"/>
                </a:lnTo>
                <a:lnTo>
                  <a:pt x="570" y="521"/>
                </a:lnTo>
                <a:close/>
                <a:moveTo>
                  <a:pt x="599" y="474"/>
                </a:moveTo>
                <a:lnTo>
                  <a:pt x="599" y="474"/>
                </a:lnTo>
                <a:lnTo>
                  <a:pt x="600" y="473"/>
                </a:lnTo>
                <a:lnTo>
                  <a:pt x="600" y="472"/>
                </a:lnTo>
                <a:lnTo>
                  <a:pt x="600" y="471"/>
                </a:lnTo>
                <a:lnTo>
                  <a:pt x="601" y="470"/>
                </a:lnTo>
                <a:lnTo>
                  <a:pt x="601" y="469"/>
                </a:lnTo>
                <a:lnTo>
                  <a:pt x="601" y="469"/>
                </a:lnTo>
                <a:lnTo>
                  <a:pt x="602" y="468"/>
                </a:lnTo>
                <a:lnTo>
                  <a:pt x="602" y="467"/>
                </a:lnTo>
                <a:lnTo>
                  <a:pt x="602" y="466"/>
                </a:lnTo>
                <a:lnTo>
                  <a:pt x="603" y="465"/>
                </a:lnTo>
                <a:lnTo>
                  <a:pt x="603" y="464"/>
                </a:lnTo>
                <a:lnTo>
                  <a:pt x="603" y="463"/>
                </a:lnTo>
                <a:lnTo>
                  <a:pt x="603" y="462"/>
                </a:lnTo>
                <a:lnTo>
                  <a:pt x="604" y="461"/>
                </a:lnTo>
                <a:lnTo>
                  <a:pt x="604" y="461"/>
                </a:lnTo>
                <a:lnTo>
                  <a:pt x="604" y="460"/>
                </a:lnTo>
                <a:lnTo>
                  <a:pt x="604" y="459"/>
                </a:lnTo>
                <a:lnTo>
                  <a:pt x="605" y="458"/>
                </a:lnTo>
                <a:lnTo>
                  <a:pt x="605" y="457"/>
                </a:lnTo>
                <a:lnTo>
                  <a:pt x="605" y="456"/>
                </a:lnTo>
                <a:lnTo>
                  <a:pt x="605" y="456"/>
                </a:lnTo>
                <a:lnTo>
                  <a:pt x="588" y="451"/>
                </a:lnTo>
                <a:lnTo>
                  <a:pt x="588" y="452"/>
                </a:lnTo>
                <a:lnTo>
                  <a:pt x="588" y="452"/>
                </a:lnTo>
                <a:lnTo>
                  <a:pt x="588" y="453"/>
                </a:lnTo>
                <a:lnTo>
                  <a:pt x="588" y="454"/>
                </a:lnTo>
                <a:lnTo>
                  <a:pt x="587" y="455"/>
                </a:lnTo>
                <a:lnTo>
                  <a:pt x="587" y="456"/>
                </a:lnTo>
                <a:lnTo>
                  <a:pt x="587" y="456"/>
                </a:lnTo>
                <a:lnTo>
                  <a:pt x="587" y="457"/>
                </a:lnTo>
                <a:lnTo>
                  <a:pt x="586" y="458"/>
                </a:lnTo>
                <a:lnTo>
                  <a:pt x="586" y="459"/>
                </a:lnTo>
                <a:lnTo>
                  <a:pt x="586" y="459"/>
                </a:lnTo>
                <a:lnTo>
                  <a:pt x="586" y="460"/>
                </a:lnTo>
                <a:lnTo>
                  <a:pt x="585" y="461"/>
                </a:lnTo>
                <a:lnTo>
                  <a:pt x="585" y="462"/>
                </a:lnTo>
                <a:lnTo>
                  <a:pt x="585" y="463"/>
                </a:lnTo>
                <a:lnTo>
                  <a:pt x="584" y="463"/>
                </a:lnTo>
                <a:lnTo>
                  <a:pt x="584" y="464"/>
                </a:lnTo>
                <a:lnTo>
                  <a:pt x="584" y="465"/>
                </a:lnTo>
                <a:lnTo>
                  <a:pt x="584" y="466"/>
                </a:lnTo>
                <a:lnTo>
                  <a:pt x="583" y="467"/>
                </a:lnTo>
                <a:lnTo>
                  <a:pt x="583" y="467"/>
                </a:lnTo>
                <a:lnTo>
                  <a:pt x="599" y="474"/>
                </a:lnTo>
                <a:close/>
                <a:moveTo>
                  <a:pt x="610" y="419"/>
                </a:moveTo>
                <a:lnTo>
                  <a:pt x="610" y="419"/>
                </a:lnTo>
                <a:lnTo>
                  <a:pt x="610" y="419"/>
                </a:lnTo>
                <a:lnTo>
                  <a:pt x="610" y="418"/>
                </a:lnTo>
                <a:lnTo>
                  <a:pt x="610" y="417"/>
                </a:lnTo>
                <a:lnTo>
                  <a:pt x="610" y="416"/>
                </a:lnTo>
                <a:lnTo>
                  <a:pt x="610" y="415"/>
                </a:lnTo>
                <a:lnTo>
                  <a:pt x="610" y="414"/>
                </a:lnTo>
                <a:lnTo>
                  <a:pt x="610" y="413"/>
                </a:lnTo>
                <a:lnTo>
                  <a:pt x="610" y="412"/>
                </a:lnTo>
                <a:lnTo>
                  <a:pt x="610" y="411"/>
                </a:lnTo>
                <a:lnTo>
                  <a:pt x="610" y="410"/>
                </a:lnTo>
                <a:lnTo>
                  <a:pt x="610" y="409"/>
                </a:lnTo>
                <a:lnTo>
                  <a:pt x="610" y="408"/>
                </a:lnTo>
                <a:lnTo>
                  <a:pt x="610" y="407"/>
                </a:lnTo>
                <a:lnTo>
                  <a:pt x="610" y="406"/>
                </a:lnTo>
                <a:lnTo>
                  <a:pt x="610" y="405"/>
                </a:lnTo>
                <a:lnTo>
                  <a:pt x="610" y="404"/>
                </a:lnTo>
                <a:lnTo>
                  <a:pt x="610" y="403"/>
                </a:lnTo>
                <a:lnTo>
                  <a:pt x="610" y="402"/>
                </a:lnTo>
                <a:lnTo>
                  <a:pt x="609" y="401"/>
                </a:lnTo>
                <a:lnTo>
                  <a:pt x="609" y="400"/>
                </a:lnTo>
                <a:lnTo>
                  <a:pt x="592" y="402"/>
                </a:lnTo>
                <a:lnTo>
                  <a:pt x="592" y="403"/>
                </a:lnTo>
                <a:lnTo>
                  <a:pt x="592" y="404"/>
                </a:lnTo>
                <a:lnTo>
                  <a:pt x="592" y="405"/>
                </a:lnTo>
                <a:lnTo>
                  <a:pt x="592" y="406"/>
                </a:lnTo>
                <a:lnTo>
                  <a:pt x="592" y="406"/>
                </a:lnTo>
                <a:lnTo>
                  <a:pt x="592" y="407"/>
                </a:lnTo>
                <a:lnTo>
                  <a:pt x="592" y="408"/>
                </a:lnTo>
                <a:lnTo>
                  <a:pt x="592" y="409"/>
                </a:lnTo>
                <a:lnTo>
                  <a:pt x="592" y="410"/>
                </a:lnTo>
                <a:lnTo>
                  <a:pt x="593" y="411"/>
                </a:lnTo>
                <a:lnTo>
                  <a:pt x="593" y="412"/>
                </a:lnTo>
                <a:lnTo>
                  <a:pt x="593" y="412"/>
                </a:lnTo>
                <a:lnTo>
                  <a:pt x="593" y="413"/>
                </a:lnTo>
                <a:lnTo>
                  <a:pt x="593" y="414"/>
                </a:lnTo>
                <a:lnTo>
                  <a:pt x="593" y="415"/>
                </a:lnTo>
                <a:lnTo>
                  <a:pt x="593" y="416"/>
                </a:lnTo>
                <a:lnTo>
                  <a:pt x="593" y="417"/>
                </a:lnTo>
                <a:lnTo>
                  <a:pt x="593" y="418"/>
                </a:lnTo>
                <a:lnTo>
                  <a:pt x="593" y="419"/>
                </a:lnTo>
                <a:lnTo>
                  <a:pt x="593" y="419"/>
                </a:lnTo>
                <a:lnTo>
                  <a:pt x="610" y="419"/>
                </a:lnTo>
                <a:close/>
                <a:moveTo>
                  <a:pt x="601" y="364"/>
                </a:moveTo>
                <a:lnTo>
                  <a:pt x="601" y="364"/>
                </a:lnTo>
                <a:lnTo>
                  <a:pt x="601" y="363"/>
                </a:lnTo>
                <a:lnTo>
                  <a:pt x="600" y="362"/>
                </a:lnTo>
                <a:lnTo>
                  <a:pt x="600" y="362"/>
                </a:lnTo>
                <a:lnTo>
                  <a:pt x="600" y="361"/>
                </a:lnTo>
                <a:lnTo>
                  <a:pt x="599" y="360"/>
                </a:lnTo>
                <a:lnTo>
                  <a:pt x="599" y="359"/>
                </a:lnTo>
                <a:lnTo>
                  <a:pt x="599" y="358"/>
                </a:lnTo>
                <a:lnTo>
                  <a:pt x="598" y="357"/>
                </a:lnTo>
                <a:lnTo>
                  <a:pt x="598" y="356"/>
                </a:lnTo>
                <a:lnTo>
                  <a:pt x="598" y="356"/>
                </a:lnTo>
                <a:lnTo>
                  <a:pt x="597" y="355"/>
                </a:lnTo>
                <a:lnTo>
                  <a:pt x="597" y="354"/>
                </a:lnTo>
                <a:lnTo>
                  <a:pt x="596" y="353"/>
                </a:lnTo>
                <a:lnTo>
                  <a:pt x="596" y="352"/>
                </a:lnTo>
                <a:lnTo>
                  <a:pt x="596" y="351"/>
                </a:lnTo>
                <a:lnTo>
                  <a:pt x="595" y="350"/>
                </a:lnTo>
                <a:lnTo>
                  <a:pt x="595" y="350"/>
                </a:lnTo>
                <a:lnTo>
                  <a:pt x="594" y="349"/>
                </a:lnTo>
                <a:lnTo>
                  <a:pt x="594" y="348"/>
                </a:lnTo>
                <a:lnTo>
                  <a:pt x="594" y="347"/>
                </a:lnTo>
                <a:lnTo>
                  <a:pt x="593" y="347"/>
                </a:lnTo>
                <a:lnTo>
                  <a:pt x="578" y="355"/>
                </a:lnTo>
                <a:lnTo>
                  <a:pt x="578" y="355"/>
                </a:lnTo>
                <a:lnTo>
                  <a:pt x="578" y="356"/>
                </a:lnTo>
                <a:lnTo>
                  <a:pt x="579" y="357"/>
                </a:lnTo>
                <a:lnTo>
                  <a:pt x="579" y="357"/>
                </a:lnTo>
                <a:lnTo>
                  <a:pt x="579" y="358"/>
                </a:lnTo>
                <a:lnTo>
                  <a:pt x="580" y="359"/>
                </a:lnTo>
                <a:lnTo>
                  <a:pt x="580" y="360"/>
                </a:lnTo>
                <a:lnTo>
                  <a:pt x="580" y="360"/>
                </a:lnTo>
                <a:lnTo>
                  <a:pt x="581" y="361"/>
                </a:lnTo>
                <a:lnTo>
                  <a:pt x="581" y="362"/>
                </a:lnTo>
                <a:lnTo>
                  <a:pt x="581" y="363"/>
                </a:lnTo>
                <a:lnTo>
                  <a:pt x="582" y="363"/>
                </a:lnTo>
                <a:lnTo>
                  <a:pt x="582" y="364"/>
                </a:lnTo>
                <a:lnTo>
                  <a:pt x="582" y="365"/>
                </a:lnTo>
                <a:lnTo>
                  <a:pt x="583" y="366"/>
                </a:lnTo>
                <a:lnTo>
                  <a:pt x="583" y="366"/>
                </a:lnTo>
                <a:lnTo>
                  <a:pt x="583" y="367"/>
                </a:lnTo>
                <a:lnTo>
                  <a:pt x="584" y="368"/>
                </a:lnTo>
                <a:lnTo>
                  <a:pt x="584" y="369"/>
                </a:lnTo>
                <a:lnTo>
                  <a:pt x="584" y="369"/>
                </a:lnTo>
                <a:lnTo>
                  <a:pt x="584" y="370"/>
                </a:lnTo>
                <a:lnTo>
                  <a:pt x="601" y="364"/>
                </a:lnTo>
                <a:close/>
                <a:moveTo>
                  <a:pt x="573" y="316"/>
                </a:moveTo>
                <a:lnTo>
                  <a:pt x="573" y="316"/>
                </a:lnTo>
                <a:lnTo>
                  <a:pt x="572" y="316"/>
                </a:lnTo>
                <a:lnTo>
                  <a:pt x="572" y="315"/>
                </a:lnTo>
                <a:lnTo>
                  <a:pt x="571" y="315"/>
                </a:lnTo>
                <a:lnTo>
                  <a:pt x="570" y="314"/>
                </a:lnTo>
                <a:lnTo>
                  <a:pt x="570" y="313"/>
                </a:lnTo>
                <a:lnTo>
                  <a:pt x="569" y="313"/>
                </a:lnTo>
                <a:lnTo>
                  <a:pt x="569" y="312"/>
                </a:lnTo>
                <a:lnTo>
                  <a:pt x="568" y="311"/>
                </a:lnTo>
                <a:lnTo>
                  <a:pt x="567" y="311"/>
                </a:lnTo>
                <a:lnTo>
                  <a:pt x="567" y="310"/>
                </a:lnTo>
                <a:lnTo>
                  <a:pt x="566" y="309"/>
                </a:lnTo>
                <a:lnTo>
                  <a:pt x="565" y="309"/>
                </a:lnTo>
                <a:lnTo>
                  <a:pt x="565" y="308"/>
                </a:lnTo>
                <a:lnTo>
                  <a:pt x="564" y="307"/>
                </a:lnTo>
                <a:lnTo>
                  <a:pt x="563" y="307"/>
                </a:lnTo>
                <a:lnTo>
                  <a:pt x="563" y="306"/>
                </a:lnTo>
                <a:lnTo>
                  <a:pt x="562" y="305"/>
                </a:lnTo>
                <a:lnTo>
                  <a:pt x="561" y="305"/>
                </a:lnTo>
                <a:lnTo>
                  <a:pt x="561" y="304"/>
                </a:lnTo>
                <a:lnTo>
                  <a:pt x="560" y="304"/>
                </a:lnTo>
                <a:lnTo>
                  <a:pt x="559" y="303"/>
                </a:lnTo>
                <a:lnTo>
                  <a:pt x="548" y="316"/>
                </a:lnTo>
                <a:lnTo>
                  <a:pt x="548" y="317"/>
                </a:lnTo>
                <a:lnTo>
                  <a:pt x="549" y="317"/>
                </a:lnTo>
                <a:lnTo>
                  <a:pt x="549" y="318"/>
                </a:lnTo>
                <a:lnTo>
                  <a:pt x="550" y="318"/>
                </a:lnTo>
                <a:lnTo>
                  <a:pt x="551" y="319"/>
                </a:lnTo>
                <a:lnTo>
                  <a:pt x="551" y="319"/>
                </a:lnTo>
                <a:lnTo>
                  <a:pt x="552" y="320"/>
                </a:lnTo>
                <a:lnTo>
                  <a:pt x="552" y="320"/>
                </a:lnTo>
                <a:lnTo>
                  <a:pt x="553" y="321"/>
                </a:lnTo>
                <a:lnTo>
                  <a:pt x="554" y="322"/>
                </a:lnTo>
                <a:lnTo>
                  <a:pt x="554" y="322"/>
                </a:lnTo>
                <a:lnTo>
                  <a:pt x="555" y="323"/>
                </a:lnTo>
                <a:lnTo>
                  <a:pt x="555" y="323"/>
                </a:lnTo>
                <a:lnTo>
                  <a:pt x="556" y="324"/>
                </a:lnTo>
                <a:lnTo>
                  <a:pt x="556" y="325"/>
                </a:lnTo>
                <a:lnTo>
                  <a:pt x="557" y="325"/>
                </a:lnTo>
                <a:lnTo>
                  <a:pt x="557" y="326"/>
                </a:lnTo>
                <a:lnTo>
                  <a:pt x="558" y="326"/>
                </a:lnTo>
                <a:lnTo>
                  <a:pt x="559" y="327"/>
                </a:lnTo>
                <a:lnTo>
                  <a:pt x="559" y="328"/>
                </a:lnTo>
                <a:lnTo>
                  <a:pt x="559" y="328"/>
                </a:lnTo>
                <a:lnTo>
                  <a:pt x="573" y="316"/>
                </a:lnTo>
                <a:close/>
                <a:moveTo>
                  <a:pt x="529" y="282"/>
                </a:moveTo>
                <a:lnTo>
                  <a:pt x="529" y="282"/>
                </a:lnTo>
                <a:lnTo>
                  <a:pt x="529" y="281"/>
                </a:lnTo>
                <a:lnTo>
                  <a:pt x="528" y="281"/>
                </a:lnTo>
                <a:lnTo>
                  <a:pt x="527" y="280"/>
                </a:lnTo>
                <a:lnTo>
                  <a:pt x="526" y="280"/>
                </a:lnTo>
                <a:lnTo>
                  <a:pt x="525" y="280"/>
                </a:lnTo>
                <a:lnTo>
                  <a:pt x="524" y="279"/>
                </a:lnTo>
                <a:lnTo>
                  <a:pt x="524" y="279"/>
                </a:lnTo>
                <a:lnTo>
                  <a:pt x="523" y="278"/>
                </a:lnTo>
                <a:lnTo>
                  <a:pt x="522" y="278"/>
                </a:lnTo>
                <a:lnTo>
                  <a:pt x="521" y="278"/>
                </a:lnTo>
                <a:lnTo>
                  <a:pt x="520" y="277"/>
                </a:lnTo>
                <a:lnTo>
                  <a:pt x="519" y="277"/>
                </a:lnTo>
                <a:lnTo>
                  <a:pt x="518" y="277"/>
                </a:lnTo>
                <a:lnTo>
                  <a:pt x="518" y="276"/>
                </a:lnTo>
                <a:lnTo>
                  <a:pt x="517" y="276"/>
                </a:lnTo>
                <a:lnTo>
                  <a:pt x="516" y="275"/>
                </a:lnTo>
                <a:lnTo>
                  <a:pt x="515" y="275"/>
                </a:lnTo>
                <a:lnTo>
                  <a:pt x="514" y="275"/>
                </a:lnTo>
                <a:lnTo>
                  <a:pt x="513" y="274"/>
                </a:lnTo>
                <a:lnTo>
                  <a:pt x="512" y="274"/>
                </a:lnTo>
                <a:lnTo>
                  <a:pt x="512" y="274"/>
                </a:lnTo>
                <a:lnTo>
                  <a:pt x="506" y="290"/>
                </a:lnTo>
                <a:lnTo>
                  <a:pt x="506" y="290"/>
                </a:lnTo>
                <a:lnTo>
                  <a:pt x="507" y="291"/>
                </a:lnTo>
                <a:lnTo>
                  <a:pt x="508" y="291"/>
                </a:lnTo>
                <a:lnTo>
                  <a:pt x="508" y="291"/>
                </a:lnTo>
                <a:lnTo>
                  <a:pt x="509" y="292"/>
                </a:lnTo>
                <a:lnTo>
                  <a:pt x="510" y="292"/>
                </a:lnTo>
                <a:lnTo>
                  <a:pt x="511" y="292"/>
                </a:lnTo>
                <a:lnTo>
                  <a:pt x="511" y="293"/>
                </a:lnTo>
                <a:lnTo>
                  <a:pt x="512" y="293"/>
                </a:lnTo>
                <a:lnTo>
                  <a:pt x="513" y="293"/>
                </a:lnTo>
                <a:lnTo>
                  <a:pt x="514" y="294"/>
                </a:lnTo>
                <a:lnTo>
                  <a:pt x="514" y="294"/>
                </a:lnTo>
                <a:lnTo>
                  <a:pt x="515" y="294"/>
                </a:lnTo>
                <a:lnTo>
                  <a:pt x="516" y="295"/>
                </a:lnTo>
                <a:lnTo>
                  <a:pt x="517" y="295"/>
                </a:lnTo>
                <a:lnTo>
                  <a:pt x="517" y="295"/>
                </a:lnTo>
                <a:lnTo>
                  <a:pt x="518" y="296"/>
                </a:lnTo>
                <a:lnTo>
                  <a:pt x="519" y="296"/>
                </a:lnTo>
                <a:lnTo>
                  <a:pt x="520" y="297"/>
                </a:lnTo>
                <a:lnTo>
                  <a:pt x="520" y="297"/>
                </a:lnTo>
                <a:lnTo>
                  <a:pt x="521" y="297"/>
                </a:lnTo>
                <a:lnTo>
                  <a:pt x="529" y="282"/>
                </a:lnTo>
                <a:close/>
                <a:moveTo>
                  <a:pt x="457" y="231"/>
                </a:moveTo>
                <a:lnTo>
                  <a:pt x="457" y="231"/>
                </a:lnTo>
                <a:cubicBezTo>
                  <a:pt x="354" y="231"/>
                  <a:pt x="271" y="314"/>
                  <a:pt x="271" y="417"/>
                </a:cubicBezTo>
                <a:cubicBezTo>
                  <a:pt x="271" y="520"/>
                  <a:pt x="354" y="603"/>
                  <a:pt x="457" y="603"/>
                </a:cubicBezTo>
                <a:cubicBezTo>
                  <a:pt x="560" y="603"/>
                  <a:pt x="643" y="520"/>
                  <a:pt x="643" y="417"/>
                </a:cubicBezTo>
                <a:cubicBezTo>
                  <a:pt x="643" y="314"/>
                  <a:pt x="560" y="231"/>
                  <a:pt x="457" y="231"/>
                </a:cubicBezTo>
                <a:close/>
                <a:moveTo>
                  <a:pt x="30" y="153"/>
                </a:moveTo>
                <a:lnTo>
                  <a:pt x="30" y="153"/>
                </a:lnTo>
                <a:cubicBezTo>
                  <a:pt x="66" y="150"/>
                  <a:pt x="102" y="148"/>
                  <a:pt x="138" y="147"/>
                </a:cubicBezTo>
                <a:cubicBezTo>
                  <a:pt x="114" y="146"/>
                  <a:pt x="89" y="144"/>
                  <a:pt x="65" y="141"/>
                </a:cubicBezTo>
                <a:cubicBezTo>
                  <a:pt x="49" y="139"/>
                  <a:pt x="35" y="128"/>
                  <a:pt x="35" y="111"/>
                </a:cubicBezTo>
                <a:cubicBezTo>
                  <a:pt x="35" y="87"/>
                  <a:pt x="35" y="63"/>
                  <a:pt x="35" y="39"/>
                </a:cubicBezTo>
                <a:cubicBezTo>
                  <a:pt x="35" y="23"/>
                  <a:pt x="49" y="11"/>
                  <a:pt x="65" y="9"/>
                </a:cubicBezTo>
                <a:cubicBezTo>
                  <a:pt x="163" y="0"/>
                  <a:pt x="260" y="0"/>
                  <a:pt x="358" y="9"/>
                </a:cubicBezTo>
                <a:cubicBezTo>
                  <a:pt x="374" y="11"/>
                  <a:pt x="388" y="23"/>
                  <a:pt x="388" y="39"/>
                </a:cubicBezTo>
                <a:cubicBezTo>
                  <a:pt x="388" y="63"/>
                  <a:pt x="388" y="87"/>
                  <a:pt x="388" y="111"/>
                </a:cubicBezTo>
                <a:cubicBezTo>
                  <a:pt x="388" y="128"/>
                  <a:pt x="374" y="139"/>
                  <a:pt x="358" y="141"/>
                </a:cubicBezTo>
                <a:cubicBezTo>
                  <a:pt x="323" y="145"/>
                  <a:pt x="287" y="147"/>
                  <a:pt x="252" y="148"/>
                </a:cubicBezTo>
                <a:cubicBezTo>
                  <a:pt x="276" y="150"/>
                  <a:pt x="299" y="151"/>
                  <a:pt x="323" y="153"/>
                </a:cubicBezTo>
                <a:cubicBezTo>
                  <a:pt x="339" y="155"/>
                  <a:pt x="353" y="167"/>
                  <a:pt x="353" y="183"/>
                </a:cubicBezTo>
                <a:lnTo>
                  <a:pt x="353" y="218"/>
                </a:lnTo>
                <a:cubicBezTo>
                  <a:pt x="333" y="229"/>
                  <a:pt x="314" y="242"/>
                  <a:pt x="299" y="258"/>
                </a:cubicBezTo>
                <a:cubicBezTo>
                  <a:pt x="289" y="268"/>
                  <a:pt x="280" y="278"/>
                  <a:pt x="272" y="290"/>
                </a:cubicBezTo>
                <a:cubicBezTo>
                  <a:pt x="191" y="296"/>
                  <a:pt x="111" y="294"/>
                  <a:pt x="30" y="285"/>
                </a:cubicBezTo>
                <a:cubicBezTo>
                  <a:pt x="13" y="283"/>
                  <a:pt x="0" y="272"/>
                  <a:pt x="0" y="255"/>
                </a:cubicBezTo>
                <a:cubicBezTo>
                  <a:pt x="0" y="231"/>
                  <a:pt x="0" y="207"/>
                  <a:pt x="0" y="183"/>
                </a:cubicBezTo>
                <a:cubicBezTo>
                  <a:pt x="0" y="167"/>
                  <a:pt x="13" y="155"/>
                  <a:pt x="30" y="153"/>
                </a:cubicBez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schemeClr val="accent2"/>
              </a:solidFill>
            </a:endParaRPr>
          </a:p>
        </p:txBody>
      </p:sp>
      <p:sp>
        <p:nvSpPr>
          <p:cNvPr id="65" name="Freeform 14"/>
          <p:cNvSpPr>
            <a:spLocks noChangeAspect="1" noEditPoints="1"/>
          </p:cNvSpPr>
          <p:nvPr/>
        </p:nvSpPr>
        <p:spPr bwMode="auto">
          <a:xfrm>
            <a:off x="6775807" y="4709307"/>
            <a:ext cx="439548" cy="437778"/>
          </a:xfrm>
          <a:custGeom>
            <a:avLst/>
            <a:gdLst>
              <a:gd name="T0" fmla="*/ 359 w 605"/>
              <a:gd name="T1" fmla="*/ 39 h 602"/>
              <a:gd name="T2" fmla="*/ 462 w 605"/>
              <a:gd name="T3" fmla="*/ 85 h 602"/>
              <a:gd name="T4" fmla="*/ 537 w 605"/>
              <a:gd name="T5" fmla="*/ 168 h 602"/>
              <a:gd name="T6" fmla="*/ 572 w 605"/>
              <a:gd name="T7" fmla="*/ 275 h 602"/>
              <a:gd name="T8" fmla="*/ 560 w 605"/>
              <a:gd name="T9" fmla="*/ 387 h 602"/>
              <a:gd name="T10" fmla="*/ 504 w 605"/>
              <a:gd name="T11" fmla="*/ 484 h 602"/>
              <a:gd name="T12" fmla="*/ 413 w 605"/>
              <a:gd name="T13" fmla="*/ 551 h 602"/>
              <a:gd name="T14" fmla="*/ 303 w 605"/>
              <a:gd name="T15" fmla="*/ 574 h 602"/>
              <a:gd name="T16" fmla="*/ 193 w 605"/>
              <a:gd name="T17" fmla="*/ 551 h 602"/>
              <a:gd name="T18" fmla="*/ 102 w 605"/>
              <a:gd name="T19" fmla="*/ 484 h 602"/>
              <a:gd name="T20" fmla="*/ 46 w 605"/>
              <a:gd name="T21" fmla="*/ 387 h 602"/>
              <a:gd name="T22" fmla="*/ 34 w 605"/>
              <a:gd name="T23" fmla="*/ 275 h 602"/>
              <a:gd name="T24" fmla="*/ 69 w 605"/>
              <a:gd name="T25" fmla="*/ 168 h 602"/>
              <a:gd name="T26" fmla="*/ 144 w 605"/>
              <a:gd name="T27" fmla="*/ 85 h 602"/>
              <a:gd name="T28" fmla="*/ 247 w 605"/>
              <a:gd name="T29" fmla="*/ 39 h 602"/>
              <a:gd name="T30" fmla="*/ 359 w 605"/>
              <a:gd name="T31" fmla="*/ 39 h 602"/>
              <a:gd name="T32" fmla="*/ 376 w 605"/>
              <a:gd name="T33" fmla="*/ 379 h 602"/>
              <a:gd name="T34" fmla="*/ 376 w 605"/>
              <a:gd name="T35" fmla="*/ 379 h 602"/>
              <a:gd name="T36" fmla="*/ 412 w 605"/>
              <a:gd name="T37" fmla="*/ 419 h 602"/>
              <a:gd name="T38" fmla="*/ 397 w 605"/>
              <a:gd name="T39" fmla="*/ 332 h 602"/>
              <a:gd name="T40" fmla="*/ 376 w 605"/>
              <a:gd name="T41" fmla="*/ 379 h 602"/>
              <a:gd name="T42" fmla="*/ 186 w 605"/>
              <a:gd name="T43" fmla="*/ 222 h 602"/>
              <a:gd name="T44" fmla="*/ 186 w 605"/>
              <a:gd name="T45" fmla="*/ 222 h 602"/>
              <a:gd name="T46" fmla="*/ 221 w 605"/>
              <a:gd name="T47" fmla="*/ 261 h 602"/>
              <a:gd name="T48" fmla="*/ 207 w 605"/>
              <a:gd name="T49" fmla="*/ 175 h 602"/>
              <a:gd name="T50" fmla="*/ 186 w 605"/>
              <a:gd name="T51" fmla="*/ 222 h 602"/>
              <a:gd name="T52" fmla="*/ 141 w 605"/>
              <a:gd name="T53" fmla="*/ 222 h 602"/>
              <a:gd name="T54" fmla="*/ 141 w 605"/>
              <a:gd name="T55" fmla="*/ 222 h 602"/>
              <a:gd name="T56" fmla="*/ 256 w 605"/>
              <a:gd name="T57" fmla="*/ 162 h 602"/>
              <a:gd name="T58" fmla="*/ 208 w 605"/>
              <a:gd name="T59" fmla="*/ 301 h 602"/>
              <a:gd name="T60" fmla="*/ 141 w 605"/>
              <a:gd name="T61" fmla="*/ 222 h 602"/>
              <a:gd name="T62" fmla="*/ 244 w 605"/>
              <a:gd name="T63" fmla="*/ 460 h 602"/>
              <a:gd name="T64" fmla="*/ 244 w 605"/>
              <a:gd name="T65" fmla="*/ 460 h 602"/>
              <a:gd name="T66" fmla="*/ 201 w 605"/>
              <a:gd name="T67" fmla="*/ 460 h 602"/>
              <a:gd name="T68" fmla="*/ 362 w 605"/>
              <a:gd name="T69" fmla="*/ 141 h 602"/>
              <a:gd name="T70" fmla="*/ 404 w 605"/>
              <a:gd name="T71" fmla="*/ 141 h 602"/>
              <a:gd name="T72" fmla="*/ 244 w 605"/>
              <a:gd name="T73" fmla="*/ 460 h 602"/>
              <a:gd name="T74" fmla="*/ 331 w 605"/>
              <a:gd name="T75" fmla="*/ 379 h 602"/>
              <a:gd name="T76" fmla="*/ 331 w 605"/>
              <a:gd name="T77" fmla="*/ 379 h 602"/>
              <a:gd name="T78" fmla="*/ 446 w 605"/>
              <a:gd name="T79" fmla="*/ 319 h 602"/>
              <a:gd name="T80" fmla="*/ 398 w 605"/>
              <a:gd name="T81" fmla="*/ 459 h 602"/>
              <a:gd name="T82" fmla="*/ 331 w 605"/>
              <a:gd name="T83" fmla="*/ 379 h 60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</a:cxnLst>
            <a:rect l="0" t="0" r="r" b="b"/>
            <a:pathLst>
              <a:path w="605" h="602">
                <a:moveTo>
                  <a:pt x="359" y="39"/>
                </a:moveTo>
                <a:cubicBezTo>
                  <a:pt x="435" y="31"/>
                  <a:pt x="417" y="22"/>
                  <a:pt x="462" y="85"/>
                </a:cubicBezTo>
                <a:cubicBezTo>
                  <a:pt x="535" y="108"/>
                  <a:pt x="521" y="93"/>
                  <a:pt x="537" y="168"/>
                </a:cubicBezTo>
                <a:cubicBezTo>
                  <a:pt x="594" y="219"/>
                  <a:pt x="588" y="200"/>
                  <a:pt x="572" y="275"/>
                </a:cubicBezTo>
                <a:cubicBezTo>
                  <a:pt x="603" y="345"/>
                  <a:pt x="605" y="325"/>
                  <a:pt x="560" y="387"/>
                </a:cubicBezTo>
                <a:cubicBezTo>
                  <a:pt x="560" y="464"/>
                  <a:pt x="570" y="446"/>
                  <a:pt x="504" y="484"/>
                </a:cubicBezTo>
                <a:cubicBezTo>
                  <a:pt x="473" y="555"/>
                  <a:pt x="489" y="543"/>
                  <a:pt x="413" y="551"/>
                </a:cubicBezTo>
                <a:cubicBezTo>
                  <a:pt x="356" y="602"/>
                  <a:pt x="376" y="598"/>
                  <a:pt x="303" y="574"/>
                </a:cubicBezTo>
                <a:cubicBezTo>
                  <a:pt x="230" y="598"/>
                  <a:pt x="250" y="602"/>
                  <a:pt x="193" y="551"/>
                </a:cubicBezTo>
                <a:cubicBezTo>
                  <a:pt x="116" y="543"/>
                  <a:pt x="133" y="555"/>
                  <a:pt x="102" y="484"/>
                </a:cubicBezTo>
                <a:cubicBezTo>
                  <a:pt x="35" y="446"/>
                  <a:pt x="45" y="464"/>
                  <a:pt x="46" y="387"/>
                </a:cubicBezTo>
                <a:cubicBezTo>
                  <a:pt x="0" y="325"/>
                  <a:pt x="2" y="345"/>
                  <a:pt x="34" y="275"/>
                </a:cubicBezTo>
                <a:cubicBezTo>
                  <a:pt x="18" y="200"/>
                  <a:pt x="11" y="219"/>
                  <a:pt x="69" y="168"/>
                </a:cubicBezTo>
                <a:cubicBezTo>
                  <a:pt x="84" y="93"/>
                  <a:pt x="71" y="108"/>
                  <a:pt x="144" y="85"/>
                </a:cubicBezTo>
                <a:cubicBezTo>
                  <a:pt x="189" y="22"/>
                  <a:pt x="170" y="31"/>
                  <a:pt x="247" y="39"/>
                </a:cubicBezTo>
                <a:cubicBezTo>
                  <a:pt x="313" y="0"/>
                  <a:pt x="293" y="0"/>
                  <a:pt x="359" y="39"/>
                </a:cubicBezTo>
                <a:close/>
                <a:moveTo>
                  <a:pt x="376" y="379"/>
                </a:moveTo>
                <a:lnTo>
                  <a:pt x="376" y="379"/>
                </a:lnTo>
                <a:cubicBezTo>
                  <a:pt x="376" y="443"/>
                  <a:pt x="406" y="427"/>
                  <a:pt x="412" y="419"/>
                </a:cubicBezTo>
                <a:cubicBezTo>
                  <a:pt x="418" y="409"/>
                  <a:pt x="429" y="332"/>
                  <a:pt x="397" y="332"/>
                </a:cubicBezTo>
                <a:cubicBezTo>
                  <a:pt x="378" y="332"/>
                  <a:pt x="376" y="356"/>
                  <a:pt x="376" y="379"/>
                </a:cubicBezTo>
                <a:close/>
                <a:moveTo>
                  <a:pt x="186" y="222"/>
                </a:moveTo>
                <a:lnTo>
                  <a:pt x="186" y="222"/>
                </a:lnTo>
                <a:cubicBezTo>
                  <a:pt x="186" y="286"/>
                  <a:pt x="217" y="268"/>
                  <a:pt x="221" y="261"/>
                </a:cubicBezTo>
                <a:cubicBezTo>
                  <a:pt x="228" y="251"/>
                  <a:pt x="238" y="175"/>
                  <a:pt x="207" y="175"/>
                </a:cubicBezTo>
                <a:cubicBezTo>
                  <a:pt x="188" y="175"/>
                  <a:pt x="186" y="199"/>
                  <a:pt x="186" y="222"/>
                </a:cubicBezTo>
                <a:close/>
                <a:moveTo>
                  <a:pt x="141" y="222"/>
                </a:moveTo>
                <a:lnTo>
                  <a:pt x="141" y="222"/>
                </a:lnTo>
                <a:cubicBezTo>
                  <a:pt x="141" y="124"/>
                  <a:pt x="229" y="132"/>
                  <a:pt x="256" y="162"/>
                </a:cubicBezTo>
                <a:cubicBezTo>
                  <a:pt x="282" y="190"/>
                  <a:pt x="291" y="301"/>
                  <a:pt x="208" y="301"/>
                </a:cubicBezTo>
                <a:cubicBezTo>
                  <a:pt x="160" y="301"/>
                  <a:pt x="141" y="269"/>
                  <a:pt x="141" y="222"/>
                </a:cubicBezTo>
                <a:close/>
                <a:moveTo>
                  <a:pt x="244" y="460"/>
                </a:moveTo>
                <a:lnTo>
                  <a:pt x="244" y="460"/>
                </a:lnTo>
                <a:cubicBezTo>
                  <a:pt x="230" y="460"/>
                  <a:pt x="216" y="460"/>
                  <a:pt x="201" y="460"/>
                </a:cubicBezTo>
                <a:cubicBezTo>
                  <a:pt x="255" y="354"/>
                  <a:pt x="309" y="247"/>
                  <a:pt x="362" y="141"/>
                </a:cubicBezTo>
                <a:cubicBezTo>
                  <a:pt x="376" y="141"/>
                  <a:pt x="390" y="141"/>
                  <a:pt x="404" y="141"/>
                </a:cubicBezTo>
                <a:cubicBezTo>
                  <a:pt x="351" y="247"/>
                  <a:pt x="298" y="354"/>
                  <a:pt x="244" y="460"/>
                </a:cubicBezTo>
                <a:close/>
                <a:moveTo>
                  <a:pt x="331" y="379"/>
                </a:moveTo>
                <a:lnTo>
                  <a:pt x="331" y="379"/>
                </a:lnTo>
                <a:cubicBezTo>
                  <a:pt x="331" y="282"/>
                  <a:pt x="419" y="289"/>
                  <a:pt x="446" y="319"/>
                </a:cubicBezTo>
                <a:cubicBezTo>
                  <a:pt x="473" y="348"/>
                  <a:pt x="481" y="459"/>
                  <a:pt x="398" y="459"/>
                </a:cubicBezTo>
                <a:cubicBezTo>
                  <a:pt x="351" y="459"/>
                  <a:pt x="331" y="427"/>
                  <a:pt x="331" y="379"/>
                </a:cubicBez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schemeClr val="accent2"/>
              </a:solidFill>
            </a:endParaRPr>
          </a:p>
        </p:txBody>
      </p:sp>
      <p:sp>
        <p:nvSpPr>
          <p:cNvPr id="66" name="Freeform 26"/>
          <p:cNvSpPr>
            <a:spLocks noEditPoints="1"/>
          </p:cNvSpPr>
          <p:nvPr/>
        </p:nvSpPr>
        <p:spPr bwMode="auto">
          <a:xfrm>
            <a:off x="1702760" y="4214568"/>
            <a:ext cx="372139" cy="390980"/>
          </a:xfrm>
          <a:custGeom>
            <a:avLst/>
            <a:gdLst>
              <a:gd name="T0" fmla="*/ 139 w 577"/>
              <a:gd name="T1" fmla="*/ 87 h 609"/>
              <a:gd name="T2" fmla="*/ 27 w 577"/>
              <a:gd name="T3" fmla="*/ 87 h 609"/>
              <a:gd name="T4" fmla="*/ 27 w 577"/>
              <a:gd name="T5" fmla="*/ 48 h 609"/>
              <a:gd name="T6" fmla="*/ 139 w 577"/>
              <a:gd name="T7" fmla="*/ 48 h 609"/>
              <a:gd name="T8" fmla="*/ 139 w 577"/>
              <a:gd name="T9" fmla="*/ 87 h 609"/>
              <a:gd name="T10" fmla="*/ 139 w 577"/>
              <a:gd name="T11" fmla="*/ 179 h 609"/>
              <a:gd name="T12" fmla="*/ 27 w 577"/>
              <a:gd name="T13" fmla="*/ 179 h 609"/>
              <a:gd name="T14" fmla="*/ 27 w 577"/>
              <a:gd name="T15" fmla="*/ 140 h 609"/>
              <a:gd name="T16" fmla="*/ 139 w 577"/>
              <a:gd name="T17" fmla="*/ 140 h 609"/>
              <a:gd name="T18" fmla="*/ 139 w 577"/>
              <a:gd name="T19" fmla="*/ 179 h 609"/>
              <a:gd name="T20" fmla="*/ 139 w 577"/>
              <a:gd name="T21" fmla="*/ 271 h 609"/>
              <a:gd name="T22" fmla="*/ 27 w 577"/>
              <a:gd name="T23" fmla="*/ 271 h 609"/>
              <a:gd name="T24" fmla="*/ 27 w 577"/>
              <a:gd name="T25" fmla="*/ 232 h 609"/>
              <a:gd name="T26" fmla="*/ 139 w 577"/>
              <a:gd name="T27" fmla="*/ 232 h 609"/>
              <a:gd name="T28" fmla="*/ 139 w 577"/>
              <a:gd name="T29" fmla="*/ 271 h 609"/>
              <a:gd name="T30" fmla="*/ 0 w 577"/>
              <a:gd name="T31" fmla="*/ 609 h 609"/>
              <a:gd name="T32" fmla="*/ 166 w 577"/>
              <a:gd name="T33" fmla="*/ 609 h 609"/>
              <a:gd name="T34" fmla="*/ 166 w 577"/>
              <a:gd name="T35" fmla="*/ 0 h 609"/>
              <a:gd name="T36" fmla="*/ 0 w 577"/>
              <a:gd name="T37" fmla="*/ 0 h 609"/>
              <a:gd name="T38" fmla="*/ 0 w 577"/>
              <a:gd name="T39" fmla="*/ 609 h 609"/>
              <a:gd name="T40" fmla="*/ 344 w 577"/>
              <a:gd name="T41" fmla="*/ 87 h 609"/>
              <a:gd name="T42" fmla="*/ 232 w 577"/>
              <a:gd name="T43" fmla="*/ 87 h 609"/>
              <a:gd name="T44" fmla="*/ 232 w 577"/>
              <a:gd name="T45" fmla="*/ 48 h 609"/>
              <a:gd name="T46" fmla="*/ 344 w 577"/>
              <a:gd name="T47" fmla="*/ 48 h 609"/>
              <a:gd name="T48" fmla="*/ 344 w 577"/>
              <a:gd name="T49" fmla="*/ 87 h 609"/>
              <a:gd name="T50" fmla="*/ 344 w 577"/>
              <a:gd name="T51" fmla="*/ 179 h 609"/>
              <a:gd name="T52" fmla="*/ 232 w 577"/>
              <a:gd name="T53" fmla="*/ 179 h 609"/>
              <a:gd name="T54" fmla="*/ 232 w 577"/>
              <a:gd name="T55" fmla="*/ 140 h 609"/>
              <a:gd name="T56" fmla="*/ 344 w 577"/>
              <a:gd name="T57" fmla="*/ 140 h 609"/>
              <a:gd name="T58" fmla="*/ 344 w 577"/>
              <a:gd name="T59" fmla="*/ 179 h 609"/>
              <a:gd name="T60" fmla="*/ 344 w 577"/>
              <a:gd name="T61" fmla="*/ 271 h 609"/>
              <a:gd name="T62" fmla="*/ 232 w 577"/>
              <a:gd name="T63" fmla="*/ 271 h 609"/>
              <a:gd name="T64" fmla="*/ 232 w 577"/>
              <a:gd name="T65" fmla="*/ 232 h 609"/>
              <a:gd name="T66" fmla="*/ 344 w 577"/>
              <a:gd name="T67" fmla="*/ 232 h 609"/>
              <a:gd name="T68" fmla="*/ 344 w 577"/>
              <a:gd name="T69" fmla="*/ 271 h 609"/>
              <a:gd name="T70" fmla="*/ 205 w 577"/>
              <a:gd name="T71" fmla="*/ 609 h 609"/>
              <a:gd name="T72" fmla="*/ 371 w 577"/>
              <a:gd name="T73" fmla="*/ 609 h 609"/>
              <a:gd name="T74" fmla="*/ 371 w 577"/>
              <a:gd name="T75" fmla="*/ 0 h 609"/>
              <a:gd name="T76" fmla="*/ 205 w 577"/>
              <a:gd name="T77" fmla="*/ 0 h 609"/>
              <a:gd name="T78" fmla="*/ 205 w 577"/>
              <a:gd name="T79" fmla="*/ 609 h 609"/>
              <a:gd name="T80" fmla="*/ 549 w 577"/>
              <a:gd name="T81" fmla="*/ 87 h 609"/>
              <a:gd name="T82" fmla="*/ 437 w 577"/>
              <a:gd name="T83" fmla="*/ 87 h 609"/>
              <a:gd name="T84" fmla="*/ 437 w 577"/>
              <a:gd name="T85" fmla="*/ 48 h 609"/>
              <a:gd name="T86" fmla="*/ 549 w 577"/>
              <a:gd name="T87" fmla="*/ 48 h 609"/>
              <a:gd name="T88" fmla="*/ 549 w 577"/>
              <a:gd name="T89" fmla="*/ 87 h 609"/>
              <a:gd name="T90" fmla="*/ 549 w 577"/>
              <a:gd name="T91" fmla="*/ 179 h 609"/>
              <a:gd name="T92" fmla="*/ 437 w 577"/>
              <a:gd name="T93" fmla="*/ 179 h 609"/>
              <a:gd name="T94" fmla="*/ 437 w 577"/>
              <a:gd name="T95" fmla="*/ 140 h 609"/>
              <a:gd name="T96" fmla="*/ 549 w 577"/>
              <a:gd name="T97" fmla="*/ 140 h 609"/>
              <a:gd name="T98" fmla="*/ 549 w 577"/>
              <a:gd name="T99" fmla="*/ 179 h 609"/>
              <a:gd name="T100" fmla="*/ 549 w 577"/>
              <a:gd name="T101" fmla="*/ 271 h 609"/>
              <a:gd name="T102" fmla="*/ 437 w 577"/>
              <a:gd name="T103" fmla="*/ 271 h 609"/>
              <a:gd name="T104" fmla="*/ 437 w 577"/>
              <a:gd name="T105" fmla="*/ 232 h 609"/>
              <a:gd name="T106" fmla="*/ 549 w 577"/>
              <a:gd name="T107" fmla="*/ 232 h 609"/>
              <a:gd name="T108" fmla="*/ 549 w 577"/>
              <a:gd name="T109" fmla="*/ 271 h 609"/>
              <a:gd name="T110" fmla="*/ 410 w 577"/>
              <a:gd name="T111" fmla="*/ 609 h 609"/>
              <a:gd name="T112" fmla="*/ 577 w 577"/>
              <a:gd name="T113" fmla="*/ 609 h 609"/>
              <a:gd name="T114" fmla="*/ 577 w 577"/>
              <a:gd name="T115" fmla="*/ 0 h 609"/>
              <a:gd name="T116" fmla="*/ 410 w 577"/>
              <a:gd name="T117" fmla="*/ 0 h 609"/>
              <a:gd name="T118" fmla="*/ 410 w 577"/>
              <a:gd name="T119" fmla="*/ 609 h 609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  <a:cxn ang="0">
                <a:pos x="T80" y="T81"/>
              </a:cxn>
              <a:cxn ang="0">
                <a:pos x="T82" y="T83"/>
              </a:cxn>
              <a:cxn ang="0">
                <a:pos x="T84" y="T85"/>
              </a:cxn>
              <a:cxn ang="0">
                <a:pos x="T86" y="T87"/>
              </a:cxn>
              <a:cxn ang="0">
                <a:pos x="T88" y="T89"/>
              </a:cxn>
              <a:cxn ang="0">
                <a:pos x="T90" y="T91"/>
              </a:cxn>
              <a:cxn ang="0">
                <a:pos x="T92" y="T93"/>
              </a:cxn>
              <a:cxn ang="0">
                <a:pos x="T94" y="T95"/>
              </a:cxn>
              <a:cxn ang="0">
                <a:pos x="T96" y="T97"/>
              </a:cxn>
              <a:cxn ang="0">
                <a:pos x="T98" y="T99"/>
              </a:cxn>
              <a:cxn ang="0">
                <a:pos x="T100" y="T101"/>
              </a:cxn>
              <a:cxn ang="0">
                <a:pos x="T102" y="T103"/>
              </a:cxn>
              <a:cxn ang="0">
                <a:pos x="T104" y="T105"/>
              </a:cxn>
              <a:cxn ang="0">
                <a:pos x="T106" y="T107"/>
              </a:cxn>
              <a:cxn ang="0">
                <a:pos x="T108" y="T109"/>
              </a:cxn>
              <a:cxn ang="0">
                <a:pos x="T110" y="T111"/>
              </a:cxn>
              <a:cxn ang="0">
                <a:pos x="T112" y="T113"/>
              </a:cxn>
              <a:cxn ang="0">
                <a:pos x="T114" y="T115"/>
              </a:cxn>
              <a:cxn ang="0">
                <a:pos x="T116" y="T117"/>
              </a:cxn>
              <a:cxn ang="0">
                <a:pos x="T118" y="T119"/>
              </a:cxn>
            </a:cxnLst>
            <a:rect l="0" t="0" r="r" b="b"/>
            <a:pathLst>
              <a:path w="577" h="609">
                <a:moveTo>
                  <a:pt x="139" y="87"/>
                </a:moveTo>
                <a:lnTo>
                  <a:pt x="27" y="87"/>
                </a:lnTo>
                <a:lnTo>
                  <a:pt x="27" y="48"/>
                </a:lnTo>
                <a:lnTo>
                  <a:pt x="139" y="48"/>
                </a:lnTo>
                <a:lnTo>
                  <a:pt x="139" y="87"/>
                </a:lnTo>
                <a:close/>
                <a:moveTo>
                  <a:pt x="139" y="179"/>
                </a:moveTo>
                <a:lnTo>
                  <a:pt x="27" y="179"/>
                </a:lnTo>
                <a:lnTo>
                  <a:pt x="27" y="140"/>
                </a:lnTo>
                <a:lnTo>
                  <a:pt x="139" y="140"/>
                </a:lnTo>
                <a:lnTo>
                  <a:pt x="139" y="179"/>
                </a:lnTo>
                <a:close/>
                <a:moveTo>
                  <a:pt x="139" y="271"/>
                </a:moveTo>
                <a:lnTo>
                  <a:pt x="27" y="271"/>
                </a:lnTo>
                <a:lnTo>
                  <a:pt x="27" y="232"/>
                </a:lnTo>
                <a:lnTo>
                  <a:pt x="139" y="232"/>
                </a:lnTo>
                <a:lnTo>
                  <a:pt x="139" y="271"/>
                </a:lnTo>
                <a:close/>
                <a:moveTo>
                  <a:pt x="0" y="609"/>
                </a:moveTo>
                <a:lnTo>
                  <a:pt x="166" y="609"/>
                </a:lnTo>
                <a:lnTo>
                  <a:pt x="166" y="0"/>
                </a:lnTo>
                <a:lnTo>
                  <a:pt x="0" y="0"/>
                </a:lnTo>
                <a:lnTo>
                  <a:pt x="0" y="609"/>
                </a:lnTo>
                <a:close/>
                <a:moveTo>
                  <a:pt x="344" y="87"/>
                </a:moveTo>
                <a:lnTo>
                  <a:pt x="232" y="87"/>
                </a:lnTo>
                <a:lnTo>
                  <a:pt x="232" y="48"/>
                </a:lnTo>
                <a:lnTo>
                  <a:pt x="344" y="48"/>
                </a:lnTo>
                <a:lnTo>
                  <a:pt x="344" y="87"/>
                </a:lnTo>
                <a:close/>
                <a:moveTo>
                  <a:pt x="344" y="179"/>
                </a:moveTo>
                <a:lnTo>
                  <a:pt x="232" y="179"/>
                </a:lnTo>
                <a:lnTo>
                  <a:pt x="232" y="140"/>
                </a:lnTo>
                <a:lnTo>
                  <a:pt x="344" y="140"/>
                </a:lnTo>
                <a:lnTo>
                  <a:pt x="344" y="179"/>
                </a:lnTo>
                <a:close/>
                <a:moveTo>
                  <a:pt x="344" y="271"/>
                </a:moveTo>
                <a:lnTo>
                  <a:pt x="232" y="271"/>
                </a:lnTo>
                <a:lnTo>
                  <a:pt x="232" y="232"/>
                </a:lnTo>
                <a:lnTo>
                  <a:pt x="344" y="232"/>
                </a:lnTo>
                <a:lnTo>
                  <a:pt x="344" y="271"/>
                </a:lnTo>
                <a:close/>
                <a:moveTo>
                  <a:pt x="205" y="609"/>
                </a:moveTo>
                <a:lnTo>
                  <a:pt x="371" y="609"/>
                </a:lnTo>
                <a:lnTo>
                  <a:pt x="371" y="0"/>
                </a:lnTo>
                <a:lnTo>
                  <a:pt x="205" y="0"/>
                </a:lnTo>
                <a:lnTo>
                  <a:pt x="205" y="609"/>
                </a:lnTo>
                <a:close/>
                <a:moveTo>
                  <a:pt x="549" y="87"/>
                </a:moveTo>
                <a:lnTo>
                  <a:pt x="437" y="87"/>
                </a:lnTo>
                <a:lnTo>
                  <a:pt x="437" y="48"/>
                </a:lnTo>
                <a:lnTo>
                  <a:pt x="549" y="48"/>
                </a:lnTo>
                <a:lnTo>
                  <a:pt x="549" y="87"/>
                </a:lnTo>
                <a:close/>
                <a:moveTo>
                  <a:pt x="549" y="179"/>
                </a:moveTo>
                <a:lnTo>
                  <a:pt x="437" y="179"/>
                </a:lnTo>
                <a:lnTo>
                  <a:pt x="437" y="140"/>
                </a:lnTo>
                <a:lnTo>
                  <a:pt x="549" y="140"/>
                </a:lnTo>
                <a:lnTo>
                  <a:pt x="549" y="179"/>
                </a:lnTo>
                <a:close/>
                <a:moveTo>
                  <a:pt x="549" y="271"/>
                </a:moveTo>
                <a:lnTo>
                  <a:pt x="437" y="271"/>
                </a:lnTo>
                <a:lnTo>
                  <a:pt x="437" y="232"/>
                </a:lnTo>
                <a:lnTo>
                  <a:pt x="549" y="232"/>
                </a:lnTo>
                <a:lnTo>
                  <a:pt x="549" y="271"/>
                </a:lnTo>
                <a:close/>
                <a:moveTo>
                  <a:pt x="410" y="609"/>
                </a:moveTo>
                <a:lnTo>
                  <a:pt x="577" y="609"/>
                </a:lnTo>
                <a:lnTo>
                  <a:pt x="577" y="0"/>
                </a:lnTo>
                <a:lnTo>
                  <a:pt x="410" y="0"/>
                </a:lnTo>
                <a:lnTo>
                  <a:pt x="410" y="609"/>
                </a:lnTo>
                <a:close/>
              </a:path>
            </a:pathLst>
          </a:custGeom>
          <a:solidFill>
            <a:srgbClr val="FBFBFB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solidFill>
                <a:schemeClr val="accent2"/>
              </a:solidFill>
            </a:endParaRPr>
          </a:p>
        </p:txBody>
      </p:sp>
      <p:sp>
        <p:nvSpPr>
          <p:cNvPr id="67" name="文本框 66"/>
          <p:cNvSpPr txBox="1"/>
          <p:nvPr/>
        </p:nvSpPr>
        <p:spPr>
          <a:xfrm>
            <a:off x="753851" y="506876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8" name="文本框 67"/>
          <p:cNvSpPr txBox="1"/>
          <p:nvPr/>
        </p:nvSpPr>
        <p:spPr>
          <a:xfrm>
            <a:off x="3385325" y="399212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69" name="文本框 68"/>
          <p:cNvSpPr txBox="1"/>
          <p:nvPr/>
        </p:nvSpPr>
        <p:spPr>
          <a:xfrm>
            <a:off x="5747253" y="546957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70" name="文本框 69"/>
          <p:cNvSpPr txBox="1"/>
          <p:nvPr/>
        </p:nvSpPr>
        <p:spPr>
          <a:xfrm>
            <a:off x="8724059" y="401484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lick here to enter a title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449984384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:a14="http://schemas.microsoft.com/office/drawing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900" decel="100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" presetID="3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1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900" decel="1000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3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900" decel="100000" fill="hold"/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37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10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900" decel="1000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750"/>
                            </p:stCondLst>
                            <p:childTnLst>
                              <p:par>
                                <p:cTn id="3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>
                            <p:stCondLst>
                              <p:cond delay="2250"/>
                            </p:stCondLst>
                            <p:childTnLst>
                              <p:par>
                                <p:cTn id="4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500"/>
                                        <p:tgtEl>
                                          <p:spTgt spid="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6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6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3" grpId="0" animBg="1"/>
      <p:bldP spid="64" grpId="0" animBg="1"/>
      <p:bldP spid="65" grpId="0" animBg="1"/>
      <p:bldP spid="66" grpId="0" animBg="1"/>
      <p:bldP spid="67" grpId="0"/>
      <p:bldP spid="68" grpId="0"/>
      <p:bldP spid="69" grpId="0"/>
      <p:bldP spid="70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7353566" y="1891668"/>
            <a:ext cx="3541708" cy="1920875"/>
            <a:chOff x="5515175" y="1357334"/>
            <a:chExt cx="2656281" cy="1440656"/>
          </a:xfrm>
        </p:grpSpPr>
        <p:sp>
          <p:nvSpPr>
            <p:cNvPr id="21" name="AutoShape 5"/>
            <p:cNvSpPr>
              <a:spLocks noChangeArrowheads="1"/>
            </p:cNvSpPr>
            <p:nvPr/>
          </p:nvSpPr>
          <p:spPr bwMode="auto">
            <a:xfrm rot="16200000">
              <a:off x="6122988" y="749521"/>
              <a:ext cx="1440656" cy="2656281"/>
            </a:xfrm>
            <a:prstGeom prst="upArrowCallout">
              <a:avLst>
                <a:gd name="adj1" fmla="val 33824"/>
                <a:gd name="adj2" fmla="val 25000"/>
                <a:gd name="adj3" fmla="val 20591"/>
                <a:gd name="adj4" fmla="val 86269"/>
              </a:avLst>
            </a:prstGeom>
            <a:solidFill>
              <a:srgbClr val="A883BD"/>
            </a:solidFill>
            <a:ln>
              <a:noFill/>
            </a:ln>
            <a:effectLst/>
          </p:spPr>
          <p:txBody>
            <a:bodyPr wrap="none" lIns="95097" tIns="47549" rIns="95097" bIns="47549" anchor="ctr"/>
            <a:lstStyle/>
            <a:p>
              <a:pPr defTabSz="950952">
                <a:defRPr/>
              </a:pPr>
              <a:endParaRPr lang="zh-CN" altLang="en-US" sz="1867" kern="0" dirty="0">
                <a:solidFill>
                  <a:sysClr val="windowText" lastClr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2" name="文本框 30"/>
            <p:cNvSpPr txBox="1"/>
            <p:nvPr/>
          </p:nvSpPr>
          <p:spPr>
            <a:xfrm>
              <a:off x="5957401" y="1777720"/>
              <a:ext cx="2072414" cy="694835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6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Click to enter a brief text content, text content should be summarized refined, without the extra text decoration, concise description of the content.</a:t>
              </a:r>
              <a:endParaRPr lang="zh-CN" altLang="en-US" sz="16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23" name="组合 22"/>
          <p:cNvGrpSpPr/>
          <p:nvPr/>
        </p:nvGrpSpPr>
        <p:grpSpPr>
          <a:xfrm>
            <a:off x="4894109" y="1891668"/>
            <a:ext cx="2409576" cy="2240138"/>
            <a:chOff x="3670582" y="1357334"/>
            <a:chExt cx="1807182" cy="1680104"/>
          </a:xfrm>
          <a:solidFill>
            <a:schemeClr val="bg1">
              <a:lumMod val="65000"/>
            </a:schemeClr>
          </a:solidFill>
        </p:grpSpPr>
        <p:sp>
          <p:nvSpPr>
            <p:cNvPr id="24" name="AutoShape 4"/>
            <p:cNvSpPr>
              <a:spLocks noChangeArrowheads="1"/>
            </p:cNvSpPr>
            <p:nvPr/>
          </p:nvSpPr>
          <p:spPr bwMode="auto">
            <a:xfrm rot="10800000">
              <a:off x="3670582" y="1357334"/>
              <a:ext cx="1807182" cy="1680104"/>
            </a:xfrm>
            <a:prstGeom prst="upArrowCallout">
              <a:avLst>
                <a:gd name="adj1" fmla="val 33824"/>
                <a:gd name="adj2" fmla="val 25000"/>
                <a:gd name="adj3" fmla="val 15697"/>
                <a:gd name="adj4" fmla="val 86269"/>
              </a:avLst>
            </a:prstGeom>
            <a:solidFill>
              <a:srgbClr val="FEBC30"/>
            </a:solidFill>
            <a:ln>
              <a:noFill/>
            </a:ln>
            <a:effectLst/>
          </p:spPr>
          <p:txBody>
            <a:bodyPr wrap="none" lIns="95097" tIns="47549" rIns="95097" bIns="47549" anchor="ctr"/>
            <a:lstStyle/>
            <a:p>
              <a:pPr defTabSz="950952">
                <a:defRPr/>
              </a:pPr>
              <a:endParaRPr lang="zh-CN" altLang="en-US" sz="1867" kern="0" dirty="0">
                <a:solidFill>
                  <a:sysClr val="windowText" lastClr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25" name="文本框 34"/>
            <p:cNvSpPr txBox="1"/>
            <p:nvPr/>
          </p:nvSpPr>
          <p:spPr>
            <a:xfrm>
              <a:off x="3895259" y="1406873"/>
              <a:ext cx="1519004" cy="1041516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pPr algn="ctr"/>
              <a:r>
                <a:rPr lang="zh-CN" altLang="en-US" sz="28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The</a:t>
              </a:r>
              <a:endParaRPr lang="en-US" altLang="zh-CN" sz="2800" dirty="0">
                <a:solidFill>
                  <a:schemeClr val="bg1"/>
                </a:solidFill>
                <a:latin typeface="汉仪中圆简" panose="02010609000101010101" pitchFamily="49" charset="-122"/>
                <a:ea typeface="汉仪中圆简" panose="02010609000101010101" pitchFamily="49" charset="-122"/>
              </a:endParaRPr>
            </a:p>
            <a:p>
              <a:pPr algn="ctr"/>
              <a:r>
                <a:rPr lang="zh-CN" altLang="en-US" sz="28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 essential</a:t>
              </a:r>
              <a:endParaRPr lang="en-US" altLang="zh-CN" sz="2800" dirty="0">
                <a:solidFill>
                  <a:schemeClr val="bg1"/>
                </a:solidFill>
                <a:latin typeface="汉仪中圆简" panose="02010609000101010101" pitchFamily="49" charset="-122"/>
                <a:ea typeface="汉仪中圆简" panose="02010609000101010101" pitchFamily="49" charset="-122"/>
              </a:endParaRPr>
            </a:p>
            <a:p>
              <a:pPr algn="ctr"/>
              <a:r>
                <a:rPr lang="zh-CN" altLang="en-US" sz="28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Words</a:t>
              </a:r>
            </a:p>
          </p:txBody>
        </p:sp>
      </p:grpSp>
      <p:grpSp>
        <p:nvGrpSpPr>
          <p:cNvPr id="26" name="组合 25"/>
          <p:cNvGrpSpPr/>
          <p:nvPr/>
        </p:nvGrpSpPr>
        <p:grpSpPr>
          <a:xfrm>
            <a:off x="1352401" y="4470949"/>
            <a:ext cx="9532028" cy="619991"/>
            <a:chOff x="1014300" y="3291794"/>
            <a:chExt cx="7149021" cy="464993"/>
          </a:xfrm>
          <a:solidFill>
            <a:schemeClr val="bg1">
              <a:lumMod val="65000"/>
            </a:schemeClr>
          </a:solidFill>
        </p:grpSpPr>
        <p:grpSp>
          <p:nvGrpSpPr>
            <p:cNvPr id="27" name="Group 11"/>
            <p:cNvGrpSpPr>
              <a:grpSpLocks/>
            </p:cNvGrpSpPr>
            <p:nvPr/>
          </p:nvGrpSpPr>
          <p:grpSpPr bwMode="auto">
            <a:xfrm>
              <a:off x="1014300" y="3291794"/>
              <a:ext cx="7149021" cy="464993"/>
              <a:chOff x="0" y="0"/>
              <a:chExt cx="4354" cy="809"/>
            </a:xfrm>
            <a:grpFill/>
          </p:grpSpPr>
          <p:sp>
            <p:nvSpPr>
              <p:cNvPr id="29" name="Rectangle 12"/>
              <p:cNvSpPr>
                <a:spLocks noChangeArrowheads="1"/>
              </p:cNvSpPr>
              <p:nvPr/>
            </p:nvSpPr>
            <p:spPr bwMode="auto">
              <a:xfrm>
                <a:off x="0" y="0"/>
                <a:ext cx="4354" cy="809"/>
              </a:xfrm>
              <a:prstGeom prst="rect">
                <a:avLst/>
              </a:prstGeom>
              <a:solidFill>
                <a:srgbClr val="FF6680"/>
              </a:solidFill>
              <a:ln w="3175" cmpd="sng">
                <a:solidFill>
                  <a:srgbClr val="C0C0C0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defTabSz="950952">
                  <a:defRPr/>
                </a:pPr>
                <a:endParaRPr lang="zh-CN" altLang="en-US" sz="1400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  <p:sp>
            <p:nvSpPr>
              <p:cNvPr id="30" name="Line 13"/>
              <p:cNvSpPr>
                <a:spLocks noChangeShapeType="1"/>
              </p:cNvSpPr>
              <p:nvPr/>
            </p:nvSpPr>
            <p:spPr bwMode="auto">
              <a:xfrm>
                <a:off x="0" y="809"/>
                <a:ext cx="4354" cy="0"/>
              </a:xfrm>
              <a:prstGeom prst="line">
                <a:avLst/>
              </a:prstGeom>
              <a:grpFill/>
              <a:ln w="19050" cmpd="sng">
                <a:solidFill>
                  <a:srgbClr val="FFFFFF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pPr defTabSz="950952">
                  <a:defRPr/>
                </a:pPr>
                <a:endParaRPr lang="zh-CN" altLang="en-US" sz="1400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</p:grpSp>
        <p:sp>
          <p:nvSpPr>
            <p:cNvPr id="28" name="文本框 35"/>
            <p:cNvSpPr txBox="1"/>
            <p:nvPr/>
          </p:nvSpPr>
          <p:spPr>
            <a:xfrm>
              <a:off x="1403648" y="3361556"/>
              <a:ext cx="6502224" cy="233602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r>
                <a:rPr lang="zh-CN" altLang="en-US" sz="14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Please enter the text you want, please enter the text you want, please enter the text you want</a:t>
              </a:r>
            </a:p>
          </p:txBody>
        </p:sp>
      </p:grpSp>
      <p:grpSp>
        <p:nvGrpSpPr>
          <p:cNvPr id="31" name="组合 30"/>
          <p:cNvGrpSpPr/>
          <p:nvPr/>
        </p:nvGrpSpPr>
        <p:grpSpPr>
          <a:xfrm>
            <a:off x="1352402" y="1891667"/>
            <a:ext cx="3522188" cy="1920875"/>
            <a:chOff x="1014301" y="1357334"/>
            <a:chExt cx="2641641" cy="1440656"/>
          </a:xfrm>
        </p:grpSpPr>
        <p:sp>
          <p:nvSpPr>
            <p:cNvPr id="39" name="AutoShape 3"/>
            <p:cNvSpPr>
              <a:spLocks noChangeArrowheads="1"/>
            </p:cNvSpPr>
            <p:nvPr/>
          </p:nvSpPr>
          <p:spPr bwMode="auto">
            <a:xfrm rot="5400000">
              <a:off x="1614794" y="756841"/>
              <a:ext cx="1440656" cy="2641641"/>
            </a:xfrm>
            <a:prstGeom prst="upArrowCallout">
              <a:avLst>
                <a:gd name="adj1" fmla="val 33824"/>
                <a:gd name="adj2" fmla="val 25000"/>
                <a:gd name="adj3" fmla="val 20477"/>
                <a:gd name="adj4" fmla="val 86269"/>
              </a:avLst>
            </a:prstGeom>
            <a:solidFill>
              <a:srgbClr val="80AD31"/>
            </a:solidFill>
            <a:ln>
              <a:noFill/>
            </a:ln>
            <a:effectLst/>
          </p:spPr>
          <p:txBody>
            <a:bodyPr wrap="none" lIns="95097" tIns="47549" rIns="95097" bIns="47549" anchor="ctr"/>
            <a:lstStyle/>
            <a:p>
              <a:pPr defTabSz="950952">
                <a:defRPr/>
              </a:pPr>
              <a:endParaRPr lang="zh-CN" altLang="en-US" sz="1867" kern="0" dirty="0">
                <a:solidFill>
                  <a:sysClr val="windowText" lastClr="000000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  <p:sp>
          <p:nvSpPr>
            <p:cNvPr id="40" name="文本框 30"/>
            <p:cNvSpPr txBox="1"/>
            <p:nvPr/>
          </p:nvSpPr>
          <p:spPr>
            <a:xfrm>
              <a:off x="1131434" y="1727197"/>
              <a:ext cx="2072414" cy="694835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pPr algn="just">
                <a:lnSpc>
                  <a:spcPts val="1600"/>
                </a:lnSpc>
              </a:pPr>
              <a:r>
                <a:rPr lang="zh-CN" altLang="en-US" sz="1600" dirty="0">
                  <a:solidFill>
                    <a:srgbClr val="FFFFFF"/>
                  </a:solidFill>
                  <a:latin typeface="微软雅黑 Light" pitchFamily="34" charset="-122"/>
                  <a:ea typeface="微软雅黑 Light" pitchFamily="34" charset="-122"/>
                </a:rPr>
                <a:t>Click to enter a brief text content, text content should be summarized refined, without the extra text decoration, concise description of the content.</a:t>
              </a:r>
              <a:endParaRPr lang="zh-CN" altLang="en-US" sz="16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grpSp>
        <p:nvGrpSpPr>
          <p:cNvPr id="41" name="组合 40"/>
          <p:cNvGrpSpPr/>
          <p:nvPr/>
        </p:nvGrpSpPr>
        <p:grpSpPr>
          <a:xfrm>
            <a:off x="1352401" y="5332049"/>
            <a:ext cx="9532028" cy="619991"/>
            <a:chOff x="1014300" y="3291794"/>
            <a:chExt cx="7149021" cy="464993"/>
          </a:xfrm>
          <a:solidFill>
            <a:schemeClr val="bg1">
              <a:lumMod val="65000"/>
            </a:schemeClr>
          </a:solidFill>
        </p:grpSpPr>
        <p:grpSp>
          <p:nvGrpSpPr>
            <p:cNvPr id="42" name="Group 11"/>
            <p:cNvGrpSpPr>
              <a:grpSpLocks/>
            </p:cNvGrpSpPr>
            <p:nvPr/>
          </p:nvGrpSpPr>
          <p:grpSpPr bwMode="auto">
            <a:xfrm>
              <a:off x="1014300" y="3291794"/>
              <a:ext cx="7149021" cy="464993"/>
              <a:chOff x="0" y="0"/>
              <a:chExt cx="4354" cy="809"/>
            </a:xfrm>
            <a:grpFill/>
          </p:grpSpPr>
          <p:sp>
            <p:nvSpPr>
              <p:cNvPr id="44" name="Rectangle 12"/>
              <p:cNvSpPr>
                <a:spLocks noChangeArrowheads="1"/>
              </p:cNvSpPr>
              <p:nvPr/>
            </p:nvSpPr>
            <p:spPr bwMode="auto">
              <a:xfrm>
                <a:off x="0" y="0"/>
                <a:ext cx="4354" cy="809"/>
              </a:xfrm>
              <a:prstGeom prst="rect">
                <a:avLst/>
              </a:prstGeom>
              <a:solidFill>
                <a:srgbClr val="45AFC5"/>
              </a:solidFill>
              <a:ln w="3175" cmpd="sng">
                <a:solidFill>
                  <a:srgbClr val="C0C0C0"/>
                </a:solidFill>
                <a:miter lim="800000"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 wrap="none" anchor="ctr"/>
              <a:lstStyle/>
              <a:p>
                <a:pPr defTabSz="950952">
                  <a:defRPr/>
                </a:pPr>
                <a:endParaRPr lang="zh-CN" altLang="en-US" sz="1400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  <p:sp>
            <p:nvSpPr>
              <p:cNvPr id="45" name="Line 13"/>
              <p:cNvSpPr>
                <a:spLocks noChangeShapeType="1"/>
              </p:cNvSpPr>
              <p:nvPr/>
            </p:nvSpPr>
            <p:spPr bwMode="auto">
              <a:xfrm>
                <a:off x="0" y="809"/>
                <a:ext cx="4354" cy="0"/>
              </a:xfrm>
              <a:prstGeom prst="line">
                <a:avLst/>
              </a:prstGeom>
              <a:grpFill/>
              <a:ln w="19050" cmpd="sng">
                <a:solidFill>
                  <a:srgbClr val="FFFFFF"/>
                </a:solidFill>
                <a:round/>
                <a:headEnd/>
                <a:tailEnd/>
              </a:ln>
              <a:effectLst/>
              <a:extLs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  <p:txBody>
              <a:bodyPr/>
              <a:lstStyle/>
              <a:p>
                <a:pPr defTabSz="950952">
                  <a:defRPr/>
                </a:pPr>
                <a:endParaRPr lang="zh-CN" altLang="en-US" sz="1400" kern="0" dirty="0">
                  <a:solidFill>
                    <a:schemeClr val="bg1">
                      <a:lumMod val="50000"/>
                    </a:schemeClr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</p:grpSp>
        <p:sp>
          <p:nvSpPr>
            <p:cNvPr id="43" name="文本框 35"/>
            <p:cNvSpPr txBox="1"/>
            <p:nvPr/>
          </p:nvSpPr>
          <p:spPr>
            <a:xfrm>
              <a:off x="1403648" y="3363802"/>
              <a:ext cx="6502224" cy="233602"/>
            </a:xfrm>
            <a:prstGeom prst="rect">
              <a:avLst/>
            </a:prstGeom>
            <a:noFill/>
          </p:spPr>
          <p:txBody>
            <a:bodyPr wrap="square" lIns="95097" tIns="47549" rIns="95097" bIns="47549" rtlCol="0">
              <a:spAutoFit/>
            </a:bodyPr>
            <a:lstStyle/>
            <a:p>
              <a:r>
                <a:rPr lang="zh-CN" altLang="en-US" sz="1400" dirty="0">
                  <a:solidFill>
                    <a:schemeClr val="bg1"/>
                  </a:solidFill>
                  <a:latin typeface="汉仪中圆简" panose="02010609000101010101" pitchFamily="49" charset="-122"/>
                  <a:ea typeface="汉仪中圆简" panose="02010609000101010101" pitchFamily="49" charset="-122"/>
                </a:rPr>
                <a:t>Please enter the text you want, please enter the text you want, please enter the text you want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403471117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:a14="http://schemas.microsoft.com/office/drawing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75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750"/>
                            </p:stCondLst>
                            <p:childTnLst>
                              <p:par>
                                <p:cTn id="11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3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250"/>
                            </p:stCondLst>
                            <p:childTnLst>
                              <p:par>
                                <p:cTn id="20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1750"/>
                            </p:stCondLst>
                            <p:childTnLst>
                              <p:par>
                                <p:cTn id="26" presetID="4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" name="图片 3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284739" y="0"/>
            <a:ext cx="5139530" cy="1650533"/>
          </a:xfrm>
          <a:prstGeom prst="rect">
            <a:avLst/>
          </a:prstGeom>
        </p:spPr>
      </p:pic>
      <p:pic>
        <p:nvPicPr>
          <p:cNvPr id="33" name="图片 3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488037" y="162210"/>
            <a:ext cx="595376" cy="842513"/>
          </a:xfrm>
          <a:prstGeom prst="rect">
            <a:avLst/>
          </a:prstGeom>
        </p:spPr>
      </p:pic>
      <p:pic>
        <p:nvPicPr>
          <p:cNvPr id="34" name="图片 3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23219" y="429450"/>
            <a:ext cx="540000" cy="371250"/>
          </a:xfrm>
          <a:prstGeom prst="rect">
            <a:avLst/>
          </a:prstGeom>
        </p:spPr>
      </p:pic>
      <p:pic>
        <p:nvPicPr>
          <p:cNvPr id="35" name="图片 34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0041151" y="510983"/>
            <a:ext cx="795054" cy="419612"/>
          </a:xfrm>
          <a:prstGeom prst="rect">
            <a:avLst/>
          </a:prstGeom>
        </p:spPr>
      </p:pic>
      <p:pic>
        <p:nvPicPr>
          <p:cNvPr id="36" name="图片 35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 flipH="1">
            <a:off x="2135682" y="-129321"/>
            <a:ext cx="1289800" cy="954787"/>
          </a:xfrm>
          <a:prstGeom prst="rect">
            <a:avLst/>
          </a:prstGeom>
        </p:spPr>
      </p:pic>
      <p:sp>
        <p:nvSpPr>
          <p:cNvPr id="37" name="文本框 36"/>
          <p:cNvSpPr txBox="1"/>
          <p:nvPr/>
        </p:nvSpPr>
        <p:spPr>
          <a:xfrm>
            <a:off x="3749266" y="335051"/>
            <a:ext cx="453842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000033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Please enter your title here</a:t>
            </a:r>
          </a:p>
        </p:txBody>
      </p:sp>
      <p:pic>
        <p:nvPicPr>
          <p:cNvPr id="38" name="图片 3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1322649" y="125278"/>
            <a:ext cx="540000" cy="371250"/>
          </a:xfrm>
          <a:prstGeom prst="rect">
            <a:avLst/>
          </a:prstGeom>
        </p:spPr>
      </p:pic>
      <p:grpSp>
        <p:nvGrpSpPr>
          <p:cNvPr id="14" name="组合 13"/>
          <p:cNvGrpSpPr/>
          <p:nvPr/>
        </p:nvGrpSpPr>
        <p:grpSpPr>
          <a:xfrm>
            <a:off x="-999927" y="1198168"/>
            <a:ext cx="694006" cy="4219993"/>
            <a:chOff x="-999927" y="1198168"/>
            <a:chExt cx="694006" cy="6293375"/>
          </a:xfrm>
        </p:grpSpPr>
        <p:sp>
          <p:nvSpPr>
            <p:cNvPr id="15" name="矩形 14"/>
            <p:cNvSpPr/>
            <p:nvPr/>
          </p:nvSpPr>
          <p:spPr>
            <a:xfrm>
              <a:off x="-999927" y="1198168"/>
              <a:ext cx="694006" cy="1258675"/>
            </a:xfrm>
            <a:prstGeom prst="rect">
              <a:avLst/>
            </a:prstGeom>
            <a:solidFill>
              <a:srgbClr val="80AD3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6" name="矩形 15"/>
            <p:cNvSpPr/>
            <p:nvPr/>
          </p:nvSpPr>
          <p:spPr>
            <a:xfrm>
              <a:off x="-999927" y="2456843"/>
              <a:ext cx="694006" cy="1258675"/>
            </a:xfrm>
            <a:prstGeom prst="rect">
              <a:avLst/>
            </a:prstGeom>
            <a:solidFill>
              <a:srgbClr val="FEBC3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7" name="矩形 16"/>
            <p:cNvSpPr/>
            <p:nvPr/>
          </p:nvSpPr>
          <p:spPr>
            <a:xfrm>
              <a:off x="-999927" y="3715518"/>
              <a:ext cx="694006" cy="1258675"/>
            </a:xfrm>
            <a:prstGeom prst="rect">
              <a:avLst/>
            </a:prstGeom>
            <a:solidFill>
              <a:srgbClr val="A883B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8" name="矩形 17"/>
            <p:cNvSpPr/>
            <p:nvPr/>
          </p:nvSpPr>
          <p:spPr>
            <a:xfrm>
              <a:off x="-999927" y="4974193"/>
              <a:ext cx="694006" cy="1258675"/>
            </a:xfrm>
            <a:prstGeom prst="rect">
              <a:avLst/>
            </a:prstGeom>
            <a:solidFill>
              <a:srgbClr val="FF668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19" name="矩形 18"/>
            <p:cNvSpPr/>
            <p:nvPr/>
          </p:nvSpPr>
          <p:spPr>
            <a:xfrm>
              <a:off x="-999927" y="6232868"/>
              <a:ext cx="694006" cy="1258675"/>
            </a:xfrm>
            <a:prstGeom prst="rect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grpSp>
        <p:nvGrpSpPr>
          <p:cNvPr id="20" name="组合 19"/>
          <p:cNvGrpSpPr/>
          <p:nvPr/>
        </p:nvGrpSpPr>
        <p:grpSpPr>
          <a:xfrm>
            <a:off x="3535437" y="2229778"/>
            <a:ext cx="4702601" cy="4056820"/>
            <a:chOff x="3535437" y="2229778"/>
            <a:chExt cx="4702601" cy="4056820"/>
          </a:xfrm>
        </p:grpSpPr>
        <p:sp>
          <p:nvSpPr>
            <p:cNvPr id="21" name="任意多边形 20"/>
            <p:cNvSpPr/>
            <p:nvPr/>
          </p:nvSpPr>
          <p:spPr>
            <a:xfrm rot="20794993">
              <a:off x="3535437" y="2575398"/>
              <a:ext cx="2859898" cy="1797293"/>
            </a:xfrm>
            <a:custGeom>
              <a:avLst/>
              <a:gdLst>
                <a:gd name="connsiteX0" fmla="*/ 1601408 w 3105659"/>
                <a:gd name="connsiteY0" fmla="*/ 25640 h 1951740"/>
                <a:gd name="connsiteX1" fmla="*/ 2340891 w 3105659"/>
                <a:gd name="connsiteY1" fmla="*/ 842319 h 1951740"/>
                <a:gd name="connsiteX2" fmla="*/ 2352079 w 3105659"/>
                <a:gd name="connsiteY2" fmla="*/ 926292 h 1951740"/>
                <a:gd name="connsiteX3" fmla="*/ 2386570 w 3105659"/>
                <a:gd name="connsiteY3" fmla="*/ 913103 h 1951740"/>
                <a:gd name="connsiteX4" fmla="*/ 2687887 w 3105659"/>
                <a:gd name="connsiteY4" fmla="*/ 909007 h 1951740"/>
                <a:gd name="connsiteX5" fmla="*/ 3095739 w 3105659"/>
                <a:gd name="connsiteY5" fmla="*/ 1451145 h 1951740"/>
                <a:gd name="connsiteX6" fmla="*/ 2952802 w 3105659"/>
                <a:gd name="connsiteY6" fmla="*/ 1665767 h 1951740"/>
                <a:gd name="connsiteX7" fmla="*/ 2941515 w 3105659"/>
                <a:gd name="connsiteY7" fmla="*/ 1672735 h 1951740"/>
                <a:gd name="connsiteX8" fmla="*/ 2934818 w 3105659"/>
                <a:gd name="connsiteY8" fmla="*/ 1681756 h 1951740"/>
                <a:gd name="connsiteX9" fmla="*/ 2409953 w 3105659"/>
                <a:gd name="connsiteY9" fmla="*/ 1885822 h 1951740"/>
                <a:gd name="connsiteX10" fmla="*/ 2221729 w 3105659"/>
                <a:gd name="connsiteY10" fmla="*/ 1865013 h 1951740"/>
                <a:gd name="connsiteX11" fmla="*/ 2203416 w 3105659"/>
                <a:gd name="connsiteY11" fmla="*/ 1859737 h 1951740"/>
                <a:gd name="connsiteX12" fmla="*/ 2154441 w 3105659"/>
                <a:gd name="connsiteY12" fmla="*/ 1850320 h 1951740"/>
                <a:gd name="connsiteX13" fmla="*/ 2065945 w 3105659"/>
                <a:gd name="connsiteY13" fmla="*/ 1823526 h 1951740"/>
                <a:gd name="connsiteX14" fmla="*/ 2025747 w 3105659"/>
                <a:gd name="connsiteY14" fmla="*/ 1806746 h 1951740"/>
                <a:gd name="connsiteX15" fmla="*/ 1878644 w 3105659"/>
                <a:gd name="connsiteY15" fmla="*/ 1785041 h 1951740"/>
                <a:gd name="connsiteX16" fmla="*/ 1603116 w 3105659"/>
                <a:gd name="connsiteY16" fmla="*/ 1805430 h 1951740"/>
                <a:gd name="connsiteX17" fmla="*/ 1550300 w 3105659"/>
                <a:gd name="connsiteY17" fmla="*/ 1820359 h 1951740"/>
                <a:gd name="connsiteX18" fmla="*/ 1550032 w 3105659"/>
                <a:gd name="connsiteY18" fmla="*/ 1820741 h 1951740"/>
                <a:gd name="connsiteX19" fmla="*/ 1545756 w 3105659"/>
                <a:gd name="connsiteY19" fmla="*/ 1821644 h 1951740"/>
                <a:gd name="connsiteX20" fmla="*/ 1500359 w 3105659"/>
                <a:gd name="connsiteY20" fmla="*/ 1834476 h 1951740"/>
                <a:gd name="connsiteX21" fmla="*/ 1355305 w 3105659"/>
                <a:gd name="connsiteY21" fmla="*/ 1894020 h 1951740"/>
                <a:gd name="connsiteX22" fmla="*/ 1355268 w 3105659"/>
                <a:gd name="connsiteY22" fmla="*/ 1894036 h 1951740"/>
                <a:gd name="connsiteX23" fmla="*/ 1266979 w 3105659"/>
                <a:gd name="connsiteY23" fmla="*/ 1951740 h 1951740"/>
                <a:gd name="connsiteX24" fmla="*/ 1240899 w 3105659"/>
                <a:gd name="connsiteY24" fmla="*/ 1902486 h 1951740"/>
                <a:gd name="connsiteX25" fmla="*/ 603974 w 3105659"/>
                <a:gd name="connsiteY25" fmla="*/ 1454086 h 1951740"/>
                <a:gd name="connsiteX26" fmla="*/ 588602 w 3105659"/>
                <a:gd name="connsiteY26" fmla="*/ 1451818 h 1951740"/>
                <a:gd name="connsiteX27" fmla="*/ 588412 w 3105659"/>
                <a:gd name="connsiteY27" fmla="*/ 1451441 h 1951740"/>
                <a:gd name="connsiteX28" fmla="*/ 459988 w 3105659"/>
                <a:gd name="connsiteY28" fmla="*/ 1429623 h 1951740"/>
                <a:gd name="connsiteX29" fmla="*/ 50475 w 3105659"/>
                <a:gd name="connsiteY29" fmla="*/ 1468566 h 1951740"/>
                <a:gd name="connsiteX30" fmla="*/ 8426 w 3105659"/>
                <a:gd name="connsiteY30" fmla="*/ 1485827 h 1951740"/>
                <a:gd name="connsiteX31" fmla="*/ 1967 w 3105659"/>
                <a:gd name="connsiteY31" fmla="*/ 1431665 h 1951740"/>
                <a:gd name="connsiteX32" fmla="*/ 22829 w 3105659"/>
                <a:gd name="connsiteY32" fmla="*/ 1181530 h 1951740"/>
                <a:gd name="connsiteX33" fmla="*/ 543461 w 3105659"/>
                <a:gd name="connsiteY33" fmla="*/ 594345 h 1951740"/>
                <a:gd name="connsiteX34" fmla="*/ 558414 w 3105659"/>
                <a:gd name="connsiteY34" fmla="*/ 590358 h 1951740"/>
                <a:gd name="connsiteX35" fmla="*/ 634932 w 3105659"/>
                <a:gd name="connsiteY35" fmla="*/ 434743 h 1951740"/>
                <a:gd name="connsiteX36" fmla="*/ 1228391 w 3105659"/>
                <a:gd name="connsiteY36" fmla="*/ 15653 h 1951740"/>
                <a:gd name="connsiteX37" fmla="*/ 1601408 w 3105659"/>
                <a:gd name="connsiteY37" fmla="*/ 25640 h 1951740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</a:cxnLst>
              <a:rect l="l" t="t" r="r" b="b"/>
              <a:pathLst>
                <a:path w="3105659" h="1951740">
                  <a:moveTo>
                    <a:pt x="1601408" y="25640"/>
                  </a:moveTo>
                  <a:cubicBezTo>
                    <a:pt x="1960687" y="114485"/>
                    <a:pt x="2260866" y="426603"/>
                    <a:pt x="2340891" y="842319"/>
                  </a:cubicBezTo>
                  <a:lnTo>
                    <a:pt x="2352079" y="926292"/>
                  </a:lnTo>
                  <a:lnTo>
                    <a:pt x="2386570" y="913103"/>
                  </a:lnTo>
                  <a:cubicBezTo>
                    <a:pt x="2478514" y="887070"/>
                    <a:pt x="2582624" y="883897"/>
                    <a:pt x="2687887" y="909007"/>
                  </a:cubicBezTo>
                  <a:cubicBezTo>
                    <a:pt x="2968588" y="975966"/>
                    <a:pt x="3151190" y="1218690"/>
                    <a:pt x="3095739" y="1451145"/>
                  </a:cubicBezTo>
                  <a:cubicBezTo>
                    <a:pt x="3074945" y="1538316"/>
                    <a:pt x="3023628" y="1611664"/>
                    <a:pt x="2952802" y="1665767"/>
                  </a:cubicBezTo>
                  <a:lnTo>
                    <a:pt x="2941515" y="1672735"/>
                  </a:lnTo>
                  <a:lnTo>
                    <a:pt x="2934818" y="1681756"/>
                  </a:lnTo>
                  <a:cubicBezTo>
                    <a:pt x="2821070" y="1804875"/>
                    <a:pt x="2628439" y="1885822"/>
                    <a:pt x="2409953" y="1885822"/>
                  </a:cubicBezTo>
                  <a:cubicBezTo>
                    <a:pt x="2344408" y="1885822"/>
                    <a:pt x="2281189" y="1878536"/>
                    <a:pt x="2221729" y="1865013"/>
                  </a:cubicBezTo>
                  <a:lnTo>
                    <a:pt x="2203416" y="1859737"/>
                  </a:lnTo>
                  <a:lnTo>
                    <a:pt x="2154441" y="1850320"/>
                  </a:lnTo>
                  <a:cubicBezTo>
                    <a:pt x="2124501" y="1842916"/>
                    <a:pt x="2094971" y="1833962"/>
                    <a:pt x="2065945" y="1823526"/>
                  </a:cubicBezTo>
                  <a:lnTo>
                    <a:pt x="2025747" y="1806746"/>
                  </a:lnTo>
                  <a:lnTo>
                    <a:pt x="1878644" y="1785041"/>
                  </a:lnTo>
                  <a:cubicBezTo>
                    <a:pt x="1783884" y="1779579"/>
                    <a:pt x="1691193" y="1786819"/>
                    <a:pt x="1603116" y="1805430"/>
                  </a:cubicBezTo>
                  <a:lnTo>
                    <a:pt x="1550300" y="1820359"/>
                  </a:lnTo>
                  <a:lnTo>
                    <a:pt x="1550032" y="1820741"/>
                  </a:lnTo>
                  <a:lnTo>
                    <a:pt x="1545756" y="1821644"/>
                  </a:lnTo>
                  <a:lnTo>
                    <a:pt x="1500359" y="1834476"/>
                  </a:lnTo>
                  <a:lnTo>
                    <a:pt x="1355305" y="1894020"/>
                  </a:lnTo>
                  <a:lnTo>
                    <a:pt x="1355268" y="1894036"/>
                  </a:lnTo>
                  <a:lnTo>
                    <a:pt x="1266979" y="1951740"/>
                  </a:lnTo>
                  <a:lnTo>
                    <a:pt x="1240899" y="1902486"/>
                  </a:lnTo>
                  <a:cubicBezTo>
                    <a:pt x="1111209" y="1689954"/>
                    <a:pt x="885110" y="1521148"/>
                    <a:pt x="603974" y="1454086"/>
                  </a:cubicBezTo>
                  <a:lnTo>
                    <a:pt x="588602" y="1451818"/>
                  </a:lnTo>
                  <a:lnTo>
                    <a:pt x="588412" y="1451441"/>
                  </a:lnTo>
                  <a:lnTo>
                    <a:pt x="459988" y="1429623"/>
                  </a:lnTo>
                  <a:cubicBezTo>
                    <a:pt x="316919" y="1415022"/>
                    <a:pt x="177552" y="1429504"/>
                    <a:pt x="50475" y="1468566"/>
                  </a:cubicBezTo>
                  <a:lnTo>
                    <a:pt x="8426" y="1485827"/>
                  </a:lnTo>
                  <a:lnTo>
                    <a:pt x="1967" y="1431665"/>
                  </a:lnTo>
                  <a:cubicBezTo>
                    <a:pt x="-3705" y="1349722"/>
                    <a:pt x="2778" y="1265584"/>
                    <a:pt x="22829" y="1181530"/>
                  </a:cubicBezTo>
                  <a:cubicBezTo>
                    <a:pt x="89665" y="901347"/>
                    <a:pt x="291422" y="688392"/>
                    <a:pt x="543461" y="594345"/>
                  </a:cubicBezTo>
                  <a:lnTo>
                    <a:pt x="558414" y="590358"/>
                  </a:lnTo>
                  <a:lnTo>
                    <a:pt x="634932" y="434743"/>
                  </a:lnTo>
                  <a:cubicBezTo>
                    <a:pt x="766332" y="221097"/>
                    <a:pt x="974533" y="64521"/>
                    <a:pt x="1228391" y="15653"/>
                  </a:cubicBezTo>
                  <a:cubicBezTo>
                    <a:pt x="1355320" y="-8781"/>
                    <a:pt x="1481647" y="-3975"/>
                    <a:pt x="1601408" y="25640"/>
                  </a:cubicBezTo>
                  <a:close/>
                </a:path>
              </a:pathLst>
            </a:custGeom>
            <a:solidFill>
              <a:srgbClr val="FEBC3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2" name="任意多边形 21"/>
            <p:cNvSpPr/>
            <p:nvPr/>
          </p:nvSpPr>
          <p:spPr>
            <a:xfrm rot="747730">
              <a:off x="3663366" y="4221815"/>
              <a:ext cx="1183304" cy="702380"/>
            </a:xfrm>
            <a:custGeom>
              <a:avLst/>
              <a:gdLst>
                <a:gd name="connsiteX0" fmla="*/ 531206 w 1284989"/>
                <a:gd name="connsiteY0" fmla="*/ 10988 h 762738"/>
                <a:gd name="connsiteX1" fmla="*/ 682577 w 1284989"/>
                <a:gd name="connsiteY1" fmla="*/ 0 h 762738"/>
                <a:gd name="connsiteX2" fmla="*/ 1250513 w 1284989"/>
                <a:gd name="connsiteY2" fmla="*/ 186896 h 762738"/>
                <a:gd name="connsiteX3" fmla="*/ 1274941 w 1284989"/>
                <a:gd name="connsiteY3" fmla="*/ 211021 h 762738"/>
                <a:gd name="connsiteX4" fmla="*/ 1274258 w 1284989"/>
                <a:gd name="connsiteY4" fmla="*/ 212959 h 762738"/>
                <a:gd name="connsiteX5" fmla="*/ 1270922 w 1284989"/>
                <a:gd name="connsiteY5" fmla="*/ 546350 h 762738"/>
                <a:gd name="connsiteX6" fmla="*/ 1284989 w 1284989"/>
                <a:gd name="connsiteY6" fmla="*/ 587073 h 762738"/>
                <a:gd name="connsiteX7" fmla="*/ 1242693 w 1284989"/>
                <a:gd name="connsiteY7" fmla="*/ 622241 h 762738"/>
                <a:gd name="connsiteX8" fmla="*/ 737677 w 1284989"/>
                <a:gd name="connsiteY8" fmla="*/ 762738 h 762738"/>
                <a:gd name="connsiteX9" fmla="*/ 1845 w 1284989"/>
                <a:gd name="connsiteY9" fmla="*/ 330907 h 762738"/>
                <a:gd name="connsiteX10" fmla="*/ 0 w 1284989"/>
                <a:gd name="connsiteY10" fmla="*/ 317724 h 762738"/>
                <a:gd name="connsiteX11" fmla="*/ 59761 w 1284989"/>
                <a:gd name="connsiteY11" fmla="*/ 238446 h 762738"/>
                <a:gd name="connsiteX12" fmla="*/ 531206 w 1284989"/>
                <a:gd name="connsiteY12" fmla="*/ 10988 h 762738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</a:cxnLst>
              <a:rect l="l" t="t" r="r" b="b"/>
              <a:pathLst>
                <a:path w="1284989" h="762738">
                  <a:moveTo>
                    <a:pt x="531206" y="10988"/>
                  </a:moveTo>
                  <a:cubicBezTo>
                    <a:pt x="580100" y="3784"/>
                    <a:pt x="630725" y="0"/>
                    <a:pt x="682577" y="0"/>
                  </a:cubicBezTo>
                  <a:cubicBezTo>
                    <a:pt x="909430" y="0"/>
                    <a:pt x="1112793" y="72416"/>
                    <a:pt x="1250513" y="186896"/>
                  </a:cubicBezTo>
                  <a:lnTo>
                    <a:pt x="1274941" y="211021"/>
                  </a:lnTo>
                  <a:lnTo>
                    <a:pt x="1274258" y="212959"/>
                  </a:lnTo>
                  <a:cubicBezTo>
                    <a:pt x="1248519" y="320892"/>
                    <a:pt x="1246059" y="433848"/>
                    <a:pt x="1270922" y="546350"/>
                  </a:cubicBezTo>
                  <a:lnTo>
                    <a:pt x="1284989" y="587073"/>
                  </a:lnTo>
                  <a:lnTo>
                    <a:pt x="1242693" y="622241"/>
                  </a:lnTo>
                  <a:cubicBezTo>
                    <a:pt x="1109310" y="709534"/>
                    <a:pt x="932122" y="762738"/>
                    <a:pt x="737677" y="762738"/>
                  </a:cubicBezTo>
                  <a:cubicBezTo>
                    <a:pt x="374713" y="762738"/>
                    <a:pt x="71882" y="577353"/>
                    <a:pt x="1845" y="330907"/>
                  </a:cubicBezTo>
                  <a:lnTo>
                    <a:pt x="0" y="317724"/>
                  </a:lnTo>
                  <a:lnTo>
                    <a:pt x="59761" y="238446"/>
                  </a:lnTo>
                  <a:cubicBezTo>
                    <a:pt x="167742" y="123357"/>
                    <a:pt x="335630" y="39805"/>
                    <a:pt x="531206" y="10988"/>
                  </a:cubicBezTo>
                  <a:close/>
                </a:path>
              </a:pathLst>
            </a:custGeom>
            <a:solidFill>
              <a:srgbClr val="A883BD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3" name="任意多边形 22"/>
            <p:cNvSpPr/>
            <p:nvPr/>
          </p:nvSpPr>
          <p:spPr>
            <a:xfrm rot="20141227">
              <a:off x="5151652" y="3741739"/>
              <a:ext cx="2985762" cy="2544859"/>
            </a:xfrm>
            <a:custGeom>
              <a:avLst/>
              <a:gdLst>
                <a:gd name="connsiteX0" fmla="*/ 1825588 w 3242338"/>
                <a:gd name="connsiteY0" fmla="*/ 1984943 h 2763547"/>
                <a:gd name="connsiteX1" fmla="*/ 1836874 w 3242338"/>
                <a:gd name="connsiteY1" fmla="*/ 1996191 h 2763547"/>
                <a:gd name="connsiteX2" fmla="*/ 1849543 w 3242338"/>
                <a:gd name="connsiteY2" fmla="*/ 2005700 h 2763547"/>
                <a:gd name="connsiteX3" fmla="*/ 1637945 w 3242338"/>
                <a:gd name="connsiteY3" fmla="*/ 1762963 h 2763547"/>
                <a:gd name="connsiteX4" fmla="*/ 1645990 w 3242338"/>
                <a:gd name="connsiteY4" fmla="*/ 1777330 h 2763547"/>
                <a:gd name="connsiteX5" fmla="*/ 1655989 w 3242338"/>
                <a:gd name="connsiteY5" fmla="*/ 1790519 h 2763547"/>
                <a:gd name="connsiteX6" fmla="*/ 1564403 w 3242338"/>
                <a:gd name="connsiteY6" fmla="*/ 1626628 h 2763547"/>
                <a:gd name="connsiteX7" fmla="*/ 1564402 w 3242338"/>
                <a:gd name="connsiteY7" fmla="*/ 1626628 h 2763547"/>
                <a:gd name="connsiteX8" fmla="*/ 1569631 w 3242338"/>
                <a:gd name="connsiteY8" fmla="*/ 1639162 h 2763547"/>
                <a:gd name="connsiteX9" fmla="*/ 1572574 w 3242338"/>
                <a:gd name="connsiteY9" fmla="*/ 1646220 h 2763547"/>
                <a:gd name="connsiteX10" fmla="*/ 1572574 w 3242338"/>
                <a:gd name="connsiteY10" fmla="*/ 1646219 h 2763547"/>
                <a:gd name="connsiteX11" fmla="*/ 1569631 w 3242338"/>
                <a:gd name="connsiteY11" fmla="*/ 1639162 h 2763547"/>
                <a:gd name="connsiteX12" fmla="*/ 2421499 w 3242338"/>
                <a:gd name="connsiteY12" fmla="*/ 67356 h 2763547"/>
                <a:gd name="connsiteX13" fmla="*/ 2874075 w 3242338"/>
                <a:gd name="connsiteY13" fmla="*/ 971945 h 2763547"/>
                <a:gd name="connsiteX14" fmla="*/ 2845797 w 3242338"/>
                <a:gd name="connsiteY14" fmla="*/ 1056254 h 2763547"/>
                <a:gd name="connsiteX15" fmla="*/ 2827733 w 3242338"/>
                <a:gd name="connsiteY15" fmla="*/ 1053385 h 2763547"/>
                <a:gd name="connsiteX16" fmla="*/ 2816928 w 3242338"/>
                <a:gd name="connsiteY16" fmla="*/ 1072024 h 2763547"/>
                <a:gd name="connsiteX17" fmla="*/ 2805685 w 3242338"/>
                <a:gd name="connsiteY17" fmla="*/ 1069189 h 2763547"/>
                <a:gd name="connsiteX18" fmla="*/ 2742888 w 3242338"/>
                <a:gd name="connsiteY18" fmla="*/ 1063991 h 2763547"/>
                <a:gd name="connsiteX19" fmla="*/ 2330534 w 3242338"/>
                <a:gd name="connsiteY19" fmla="*/ 1515115 h 2763547"/>
                <a:gd name="connsiteX20" fmla="*/ 2333357 w 3242338"/>
                <a:gd name="connsiteY20" fmla="*/ 1545752 h 2763547"/>
                <a:gd name="connsiteX21" fmla="*/ 2345126 w 3242338"/>
                <a:gd name="connsiteY21" fmla="*/ 1544857 h 2763547"/>
                <a:gd name="connsiteX22" fmla="*/ 2428230 w 3242338"/>
                <a:gd name="connsiteY22" fmla="*/ 1551179 h 2763547"/>
                <a:gd name="connsiteX23" fmla="*/ 2431492 w 3242338"/>
                <a:gd name="connsiteY23" fmla="*/ 1551944 h 2763547"/>
                <a:gd name="connsiteX24" fmla="*/ 2450035 w 3242338"/>
                <a:gd name="connsiteY24" fmla="*/ 1486590 h 2763547"/>
                <a:gd name="connsiteX25" fmla="*/ 2829984 w 3242338"/>
                <a:gd name="connsiteY25" fmla="*/ 1211063 h 2763547"/>
                <a:gd name="connsiteX26" fmla="*/ 3242338 w 3242338"/>
                <a:gd name="connsiteY26" fmla="*/ 1662187 h 2763547"/>
                <a:gd name="connsiteX27" fmla="*/ 2913088 w 3242338"/>
                <a:gd name="connsiteY27" fmla="*/ 2104146 h 2763547"/>
                <a:gd name="connsiteX28" fmla="*/ 2892857 w 3242338"/>
                <a:gd name="connsiteY28" fmla="*/ 2106378 h 2763547"/>
                <a:gd name="connsiteX29" fmla="*/ 2864516 w 3242338"/>
                <a:gd name="connsiteY29" fmla="*/ 2124280 h 2763547"/>
                <a:gd name="connsiteX30" fmla="*/ 2666629 w 3242338"/>
                <a:gd name="connsiteY30" fmla="*/ 2203185 h 2763547"/>
                <a:gd name="connsiteX31" fmla="*/ 2031423 w 3242338"/>
                <a:gd name="connsiteY31" fmla="*/ 2128354 h 2763547"/>
                <a:gd name="connsiteX32" fmla="*/ 2020176 w 3242338"/>
                <a:gd name="connsiteY32" fmla="*/ 2121836 h 2763547"/>
                <a:gd name="connsiteX33" fmla="*/ 1959700 w 3242338"/>
                <a:gd name="connsiteY33" fmla="*/ 2191565 h 2763547"/>
                <a:gd name="connsiteX34" fmla="*/ 1883024 w 3242338"/>
                <a:gd name="connsiteY34" fmla="*/ 2391451 h 2763547"/>
                <a:gd name="connsiteX35" fmla="*/ 1932242 w 3242338"/>
                <a:gd name="connsiteY35" fmla="*/ 2653466 h 2763547"/>
                <a:gd name="connsiteX36" fmla="*/ 1975533 w 3242338"/>
                <a:gd name="connsiteY36" fmla="*/ 2716102 h 2763547"/>
                <a:gd name="connsiteX37" fmla="*/ 1806147 w 3242338"/>
                <a:gd name="connsiteY37" fmla="*/ 2763547 h 2763547"/>
                <a:gd name="connsiteX38" fmla="*/ 1742459 w 3242338"/>
                <a:gd name="connsiteY38" fmla="*/ 2729021 h 2763547"/>
                <a:gd name="connsiteX39" fmla="*/ 1291722 w 3242338"/>
                <a:gd name="connsiteY39" fmla="*/ 1854930 h 2763547"/>
                <a:gd name="connsiteX40" fmla="*/ 1310741 w 3242338"/>
                <a:gd name="connsiteY40" fmla="*/ 1648950 h 2763547"/>
                <a:gd name="connsiteX41" fmla="*/ 1321307 w 3242338"/>
                <a:gd name="connsiteY41" fmla="*/ 1604091 h 2763547"/>
                <a:gd name="connsiteX42" fmla="*/ 1261650 w 3242338"/>
                <a:gd name="connsiteY42" fmla="*/ 1587335 h 2763547"/>
                <a:gd name="connsiteX43" fmla="*/ 1181645 w 3242338"/>
                <a:gd name="connsiteY43" fmla="*/ 1555918 h 2763547"/>
                <a:gd name="connsiteX44" fmla="*/ 910815 w 3242338"/>
                <a:gd name="connsiteY44" fmla="*/ 1361600 h 2763547"/>
                <a:gd name="connsiteX45" fmla="*/ 864208 w 3242338"/>
                <a:gd name="connsiteY45" fmla="*/ 1300512 h 2763547"/>
                <a:gd name="connsiteX46" fmla="*/ 776918 w 3242338"/>
                <a:gd name="connsiteY46" fmla="*/ 1309256 h 2763547"/>
                <a:gd name="connsiteX47" fmla="*/ 445868 w 3242338"/>
                <a:gd name="connsiteY47" fmla="*/ 1242344 h 2763547"/>
                <a:gd name="connsiteX48" fmla="*/ 18969 w 3242338"/>
                <a:gd name="connsiteY48" fmla="*/ 380228 h 2763547"/>
                <a:gd name="connsiteX49" fmla="*/ 20207 w 3242338"/>
                <a:gd name="connsiteY49" fmla="*/ 375816 h 2763547"/>
                <a:gd name="connsiteX50" fmla="*/ 78969 w 3242338"/>
                <a:gd name="connsiteY50" fmla="*/ 311136 h 2763547"/>
                <a:gd name="connsiteX51" fmla="*/ 625108 w 3242338"/>
                <a:gd name="connsiteY51" fmla="*/ 73693 h 2763547"/>
                <a:gd name="connsiteX52" fmla="*/ 880424 w 3242338"/>
                <a:gd name="connsiteY52" fmla="*/ 120441 h 2763547"/>
                <a:gd name="connsiteX53" fmla="*/ 957122 w 3242338"/>
                <a:gd name="connsiteY53" fmla="*/ 154439 h 2763547"/>
                <a:gd name="connsiteX54" fmla="*/ 1031375 w 3242338"/>
                <a:gd name="connsiteY54" fmla="*/ 203687 h 2763547"/>
                <a:gd name="connsiteX55" fmla="*/ 1477614 w 3242338"/>
                <a:gd name="connsiteY55" fmla="*/ 327043 h 2763547"/>
                <a:gd name="connsiteX56" fmla="*/ 2139593 w 3242338"/>
                <a:gd name="connsiteY56" fmla="*/ 27690 h 2763547"/>
                <a:gd name="connsiteX57" fmla="*/ 2162644 w 3242338"/>
                <a:gd name="connsiteY57" fmla="*/ 0 h 2763547"/>
                <a:gd name="connsiteX58" fmla="*/ 2189600 w 3242338"/>
                <a:gd name="connsiteY58" fmla="*/ 2008 h 2763547"/>
                <a:gd name="connsiteX59" fmla="*/ 2421499 w 3242338"/>
                <a:gd name="connsiteY59" fmla="*/ 67356 h 276354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  <a:cxn ang="0">
                  <a:pos x="connsiteX29" y="connsiteY29"/>
                </a:cxn>
                <a:cxn ang="0">
                  <a:pos x="connsiteX30" y="connsiteY30"/>
                </a:cxn>
                <a:cxn ang="0">
                  <a:pos x="connsiteX31" y="connsiteY31"/>
                </a:cxn>
                <a:cxn ang="0">
                  <a:pos x="connsiteX32" y="connsiteY32"/>
                </a:cxn>
                <a:cxn ang="0">
                  <a:pos x="connsiteX33" y="connsiteY33"/>
                </a:cxn>
                <a:cxn ang="0">
                  <a:pos x="connsiteX34" y="connsiteY34"/>
                </a:cxn>
                <a:cxn ang="0">
                  <a:pos x="connsiteX35" y="connsiteY35"/>
                </a:cxn>
                <a:cxn ang="0">
                  <a:pos x="connsiteX36" y="connsiteY36"/>
                </a:cxn>
                <a:cxn ang="0">
                  <a:pos x="connsiteX37" y="connsiteY37"/>
                </a:cxn>
                <a:cxn ang="0">
                  <a:pos x="connsiteX38" y="connsiteY38"/>
                </a:cxn>
                <a:cxn ang="0">
                  <a:pos x="connsiteX39" y="connsiteY39"/>
                </a:cxn>
                <a:cxn ang="0">
                  <a:pos x="connsiteX40" y="connsiteY40"/>
                </a:cxn>
                <a:cxn ang="0">
                  <a:pos x="connsiteX41" y="connsiteY41"/>
                </a:cxn>
                <a:cxn ang="0">
                  <a:pos x="connsiteX42" y="connsiteY42"/>
                </a:cxn>
                <a:cxn ang="0">
                  <a:pos x="connsiteX43" y="connsiteY43"/>
                </a:cxn>
                <a:cxn ang="0">
                  <a:pos x="connsiteX44" y="connsiteY44"/>
                </a:cxn>
                <a:cxn ang="0">
                  <a:pos x="connsiteX45" y="connsiteY45"/>
                </a:cxn>
                <a:cxn ang="0">
                  <a:pos x="connsiteX46" y="connsiteY46"/>
                </a:cxn>
                <a:cxn ang="0">
                  <a:pos x="connsiteX47" y="connsiteY47"/>
                </a:cxn>
                <a:cxn ang="0">
                  <a:pos x="connsiteX48" y="connsiteY48"/>
                </a:cxn>
                <a:cxn ang="0">
                  <a:pos x="connsiteX49" y="connsiteY49"/>
                </a:cxn>
                <a:cxn ang="0">
                  <a:pos x="connsiteX50" y="connsiteY50"/>
                </a:cxn>
                <a:cxn ang="0">
                  <a:pos x="connsiteX51" y="connsiteY51"/>
                </a:cxn>
                <a:cxn ang="0">
                  <a:pos x="connsiteX52" y="connsiteY52"/>
                </a:cxn>
                <a:cxn ang="0">
                  <a:pos x="connsiteX53" y="connsiteY53"/>
                </a:cxn>
                <a:cxn ang="0">
                  <a:pos x="connsiteX54" y="connsiteY54"/>
                </a:cxn>
                <a:cxn ang="0">
                  <a:pos x="connsiteX55" y="connsiteY55"/>
                </a:cxn>
                <a:cxn ang="0">
                  <a:pos x="connsiteX56" y="connsiteY56"/>
                </a:cxn>
                <a:cxn ang="0">
                  <a:pos x="connsiteX57" y="connsiteY57"/>
                </a:cxn>
                <a:cxn ang="0">
                  <a:pos x="connsiteX58" y="connsiteY58"/>
                </a:cxn>
                <a:cxn ang="0">
                  <a:pos x="connsiteX59" y="connsiteY59"/>
                </a:cxn>
              </a:cxnLst>
              <a:rect l="l" t="t" r="r" b="b"/>
              <a:pathLst>
                <a:path w="3242338" h="2763547">
                  <a:moveTo>
                    <a:pt x="1825588" y="1984943"/>
                  </a:moveTo>
                  <a:lnTo>
                    <a:pt x="1836874" y="1996191"/>
                  </a:lnTo>
                  <a:lnTo>
                    <a:pt x="1849543" y="2005700"/>
                  </a:lnTo>
                  <a:close/>
                  <a:moveTo>
                    <a:pt x="1637945" y="1762963"/>
                  </a:moveTo>
                  <a:lnTo>
                    <a:pt x="1645990" y="1777330"/>
                  </a:lnTo>
                  <a:lnTo>
                    <a:pt x="1655989" y="1790519"/>
                  </a:lnTo>
                  <a:close/>
                  <a:moveTo>
                    <a:pt x="1564403" y="1626628"/>
                  </a:moveTo>
                  <a:lnTo>
                    <a:pt x="1564402" y="1626628"/>
                  </a:lnTo>
                  <a:lnTo>
                    <a:pt x="1569631" y="1639162"/>
                  </a:lnTo>
                  <a:lnTo>
                    <a:pt x="1572574" y="1646220"/>
                  </a:lnTo>
                  <a:lnTo>
                    <a:pt x="1572574" y="1646219"/>
                  </a:lnTo>
                  <a:lnTo>
                    <a:pt x="1569631" y="1639162"/>
                  </a:lnTo>
                  <a:close/>
                  <a:moveTo>
                    <a:pt x="2421499" y="67356"/>
                  </a:moveTo>
                  <a:cubicBezTo>
                    <a:pt x="2774317" y="226755"/>
                    <a:pt x="2955912" y="609360"/>
                    <a:pt x="2874075" y="971945"/>
                  </a:cubicBezTo>
                  <a:lnTo>
                    <a:pt x="2845797" y="1056254"/>
                  </a:lnTo>
                  <a:lnTo>
                    <a:pt x="2827733" y="1053385"/>
                  </a:lnTo>
                  <a:lnTo>
                    <a:pt x="2816928" y="1072024"/>
                  </a:lnTo>
                  <a:lnTo>
                    <a:pt x="2805685" y="1069189"/>
                  </a:lnTo>
                  <a:cubicBezTo>
                    <a:pt x="2785210" y="1065766"/>
                    <a:pt x="2764238" y="1063991"/>
                    <a:pt x="2742888" y="1063991"/>
                  </a:cubicBezTo>
                  <a:cubicBezTo>
                    <a:pt x="2515151" y="1063992"/>
                    <a:pt x="2330534" y="1265966"/>
                    <a:pt x="2330534" y="1515115"/>
                  </a:cubicBezTo>
                  <a:lnTo>
                    <a:pt x="2333357" y="1545752"/>
                  </a:lnTo>
                  <a:lnTo>
                    <a:pt x="2345126" y="1544857"/>
                  </a:lnTo>
                  <a:cubicBezTo>
                    <a:pt x="2373593" y="1544857"/>
                    <a:pt x="2401386" y="1547034"/>
                    <a:pt x="2428230" y="1551179"/>
                  </a:cubicBezTo>
                  <a:lnTo>
                    <a:pt x="2431492" y="1551944"/>
                  </a:lnTo>
                  <a:lnTo>
                    <a:pt x="2450035" y="1486590"/>
                  </a:lnTo>
                  <a:cubicBezTo>
                    <a:pt x="2512634" y="1324675"/>
                    <a:pt x="2659181" y="1211064"/>
                    <a:pt x="2829984" y="1211063"/>
                  </a:cubicBezTo>
                  <a:cubicBezTo>
                    <a:pt x="3057721" y="1211064"/>
                    <a:pt x="3242338" y="1413038"/>
                    <a:pt x="3242338" y="1662187"/>
                  </a:cubicBezTo>
                  <a:cubicBezTo>
                    <a:pt x="3242338" y="1880193"/>
                    <a:pt x="3100991" y="2062081"/>
                    <a:pt x="2913088" y="2104146"/>
                  </a:cubicBezTo>
                  <a:lnTo>
                    <a:pt x="2892857" y="2106378"/>
                  </a:lnTo>
                  <a:lnTo>
                    <a:pt x="2864516" y="2124280"/>
                  </a:lnTo>
                  <a:cubicBezTo>
                    <a:pt x="2803131" y="2158065"/>
                    <a:pt x="2736964" y="2184756"/>
                    <a:pt x="2666629" y="2203185"/>
                  </a:cubicBezTo>
                  <a:cubicBezTo>
                    <a:pt x="2447812" y="2260519"/>
                    <a:pt x="2224921" y="2228378"/>
                    <a:pt x="2031423" y="2128354"/>
                  </a:cubicBezTo>
                  <a:lnTo>
                    <a:pt x="2020176" y="2121836"/>
                  </a:lnTo>
                  <a:lnTo>
                    <a:pt x="1959700" y="2191565"/>
                  </a:lnTo>
                  <a:cubicBezTo>
                    <a:pt x="1918684" y="2250900"/>
                    <a:pt x="1891832" y="2318334"/>
                    <a:pt x="1883024" y="2391451"/>
                  </a:cubicBezTo>
                  <a:cubicBezTo>
                    <a:pt x="1872014" y="2482849"/>
                    <a:pt x="1890500" y="2572313"/>
                    <a:pt x="1932242" y="2653466"/>
                  </a:cubicBezTo>
                  <a:lnTo>
                    <a:pt x="1975533" y="2716102"/>
                  </a:lnTo>
                  <a:lnTo>
                    <a:pt x="1806147" y="2763547"/>
                  </a:lnTo>
                  <a:lnTo>
                    <a:pt x="1742459" y="2729021"/>
                  </a:lnTo>
                  <a:cubicBezTo>
                    <a:pt x="1472231" y="2549764"/>
                    <a:pt x="1291722" y="2225361"/>
                    <a:pt x="1291722" y="1854930"/>
                  </a:cubicBezTo>
                  <a:cubicBezTo>
                    <a:pt x="1291722" y="1784371"/>
                    <a:pt x="1298271" y="1715483"/>
                    <a:pt x="1310741" y="1648950"/>
                  </a:cubicBezTo>
                  <a:lnTo>
                    <a:pt x="1321307" y="1604091"/>
                  </a:lnTo>
                  <a:lnTo>
                    <a:pt x="1261650" y="1587335"/>
                  </a:lnTo>
                  <a:cubicBezTo>
                    <a:pt x="1234755" y="1578311"/>
                    <a:pt x="1208056" y="1567850"/>
                    <a:pt x="1181645" y="1555918"/>
                  </a:cubicBezTo>
                  <a:cubicBezTo>
                    <a:pt x="1076000" y="1508189"/>
                    <a:pt x="984970" y="1441439"/>
                    <a:pt x="910815" y="1361600"/>
                  </a:cubicBezTo>
                  <a:lnTo>
                    <a:pt x="864208" y="1300512"/>
                  </a:lnTo>
                  <a:lnTo>
                    <a:pt x="776918" y="1309256"/>
                  </a:lnTo>
                  <a:cubicBezTo>
                    <a:pt x="666278" y="1312238"/>
                    <a:pt x="553367" y="1290911"/>
                    <a:pt x="445868" y="1242344"/>
                  </a:cubicBezTo>
                  <a:cubicBezTo>
                    <a:pt x="111428" y="1091248"/>
                    <a:pt x="-59804" y="726578"/>
                    <a:pt x="18969" y="380228"/>
                  </a:cubicBezTo>
                  <a:lnTo>
                    <a:pt x="20207" y="375816"/>
                  </a:lnTo>
                  <a:lnTo>
                    <a:pt x="78969" y="311136"/>
                  </a:lnTo>
                  <a:cubicBezTo>
                    <a:pt x="227383" y="162800"/>
                    <a:pt x="417653" y="73693"/>
                    <a:pt x="625108" y="73693"/>
                  </a:cubicBezTo>
                  <a:cubicBezTo>
                    <a:pt x="714017" y="73693"/>
                    <a:pt x="799770" y="90060"/>
                    <a:pt x="880424" y="120441"/>
                  </a:cubicBezTo>
                  <a:lnTo>
                    <a:pt x="957122" y="154439"/>
                  </a:lnTo>
                  <a:lnTo>
                    <a:pt x="1031375" y="203687"/>
                  </a:lnTo>
                  <a:cubicBezTo>
                    <a:pt x="1164025" y="282357"/>
                    <a:pt x="1316039" y="327043"/>
                    <a:pt x="1477614" y="327043"/>
                  </a:cubicBezTo>
                  <a:cubicBezTo>
                    <a:pt x="1736133" y="327043"/>
                    <a:pt x="1970178" y="212645"/>
                    <a:pt x="2139593" y="27690"/>
                  </a:cubicBezTo>
                  <a:lnTo>
                    <a:pt x="2162644" y="0"/>
                  </a:lnTo>
                  <a:lnTo>
                    <a:pt x="2189600" y="2008"/>
                  </a:lnTo>
                  <a:cubicBezTo>
                    <a:pt x="2267797" y="11717"/>
                    <a:pt x="2345895" y="33199"/>
                    <a:pt x="2421499" y="67356"/>
                  </a:cubicBezTo>
                  <a:close/>
                </a:path>
              </a:pathLst>
            </a:custGeom>
            <a:solidFill>
              <a:srgbClr val="45AFC5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4" name="任意多边形 23"/>
            <p:cNvSpPr/>
            <p:nvPr/>
          </p:nvSpPr>
          <p:spPr>
            <a:xfrm rot="20141227">
              <a:off x="7329839" y="3043248"/>
              <a:ext cx="908199" cy="1500623"/>
            </a:xfrm>
            <a:custGeom>
              <a:avLst/>
              <a:gdLst>
                <a:gd name="connsiteX0" fmla="*/ 824105 w 986243"/>
                <a:gd name="connsiteY0" fmla="*/ 0 h 1629576"/>
                <a:gd name="connsiteX1" fmla="*/ 868157 w 986243"/>
                <a:gd name="connsiteY1" fmla="*/ 90026 h 1629576"/>
                <a:gd name="connsiteX2" fmla="*/ 986243 w 986243"/>
                <a:gd name="connsiteY2" fmla="*/ 669014 h 1629576"/>
                <a:gd name="connsiteX3" fmla="*/ 630202 w 986243"/>
                <a:gd name="connsiteY3" fmla="*/ 1606320 h 1629576"/>
                <a:gd name="connsiteX4" fmla="*/ 605153 w 986243"/>
                <a:gd name="connsiteY4" fmla="*/ 1629576 h 1629576"/>
                <a:gd name="connsiteX5" fmla="*/ 604483 w 986243"/>
                <a:gd name="connsiteY5" fmla="*/ 1628227 h 1629576"/>
                <a:gd name="connsiteX6" fmla="*/ 351614 w 986243"/>
                <a:gd name="connsiteY6" fmla="*/ 1352163 h 1629576"/>
                <a:gd name="connsiteX7" fmla="*/ 199995 w 986243"/>
                <a:gd name="connsiteY7" fmla="*/ 1262318 h 1629576"/>
                <a:gd name="connsiteX8" fmla="*/ 204950 w 986243"/>
                <a:gd name="connsiteY8" fmla="*/ 1245645 h 1629576"/>
                <a:gd name="connsiteX9" fmla="*/ 234423 w 986243"/>
                <a:gd name="connsiteY9" fmla="*/ 990218 h 1629576"/>
                <a:gd name="connsiteX10" fmla="*/ 20645 w 986243"/>
                <a:gd name="connsiteY10" fmla="*/ 340095 h 1629576"/>
                <a:gd name="connsiteX11" fmla="*/ 0 w 986243"/>
                <a:gd name="connsiteY11" fmla="*/ 315295 h 1629576"/>
                <a:gd name="connsiteX12" fmla="*/ 39112 w 986243"/>
                <a:gd name="connsiteY12" fmla="*/ 284745 h 1629576"/>
                <a:gd name="connsiteX13" fmla="*/ 289737 w 986243"/>
                <a:gd name="connsiteY13" fmla="*/ 212270 h 1629576"/>
                <a:gd name="connsiteX14" fmla="*/ 380077 w 986243"/>
                <a:gd name="connsiteY14" fmla="*/ 220892 h 1629576"/>
                <a:gd name="connsiteX15" fmla="*/ 445353 w 986243"/>
                <a:gd name="connsiteY15" fmla="*/ 240075 h 1629576"/>
                <a:gd name="connsiteX16" fmla="*/ 446769 w 986243"/>
                <a:gd name="connsiteY16" fmla="*/ 241472 h 1629576"/>
                <a:gd name="connsiteX17" fmla="*/ 573435 w 986243"/>
                <a:gd name="connsiteY17" fmla="*/ 287733 h 1629576"/>
                <a:gd name="connsiteX18" fmla="*/ 733630 w 986243"/>
                <a:gd name="connsiteY18" fmla="*/ 208397 h 1629576"/>
                <a:gd name="connsiteX19" fmla="*/ 739243 w 986243"/>
                <a:gd name="connsiteY19" fmla="*/ 198443 h 1629576"/>
                <a:gd name="connsiteX20" fmla="*/ 741315 w 986243"/>
                <a:gd name="connsiteY20" fmla="*/ 198097 h 1629576"/>
                <a:gd name="connsiteX21" fmla="*/ 779811 w 986243"/>
                <a:gd name="connsiteY21" fmla="*/ 134082 h 1629576"/>
                <a:gd name="connsiteX22" fmla="*/ 810358 w 986243"/>
                <a:gd name="connsiteY22" fmla="*/ 54259 h 162957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</a:cxnLst>
              <a:rect l="l" t="t" r="r" b="b"/>
              <a:pathLst>
                <a:path w="986243" h="1629576">
                  <a:moveTo>
                    <a:pt x="824105" y="0"/>
                  </a:moveTo>
                  <a:lnTo>
                    <a:pt x="868157" y="90026"/>
                  </a:lnTo>
                  <a:cubicBezTo>
                    <a:pt x="943466" y="262138"/>
                    <a:pt x="986243" y="459374"/>
                    <a:pt x="986243" y="669014"/>
                  </a:cubicBezTo>
                  <a:cubicBezTo>
                    <a:pt x="986243" y="1046367"/>
                    <a:pt x="847645" y="1383530"/>
                    <a:pt x="630202" y="1606320"/>
                  </a:cubicBezTo>
                  <a:lnTo>
                    <a:pt x="605153" y="1629576"/>
                  </a:lnTo>
                  <a:lnTo>
                    <a:pt x="604483" y="1628227"/>
                  </a:lnTo>
                  <a:cubicBezTo>
                    <a:pt x="537187" y="1519480"/>
                    <a:pt x="451225" y="1425632"/>
                    <a:pt x="351614" y="1352163"/>
                  </a:cubicBezTo>
                  <a:lnTo>
                    <a:pt x="199995" y="1262318"/>
                  </a:lnTo>
                  <a:lnTo>
                    <a:pt x="204950" y="1245645"/>
                  </a:lnTo>
                  <a:cubicBezTo>
                    <a:pt x="224190" y="1164004"/>
                    <a:pt x="234423" y="1078415"/>
                    <a:pt x="234423" y="990218"/>
                  </a:cubicBezTo>
                  <a:cubicBezTo>
                    <a:pt x="234423" y="743264"/>
                    <a:pt x="154197" y="516766"/>
                    <a:pt x="20645" y="340095"/>
                  </a:cubicBezTo>
                  <a:lnTo>
                    <a:pt x="0" y="315295"/>
                  </a:lnTo>
                  <a:lnTo>
                    <a:pt x="39112" y="284745"/>
                  </a:lnTo>
                  <a:cubicBezTo>
                    <a:pt x="110654" y="238987"/>
                    <a:pt x="196899" y="212270"/>
                    <a:pt x="289737" y="212270"/>
                  </a:cubicBezTo>
                  <a:cubicBezTo>
                    <a:pt x="320683" y="212270"/>
                    <a:pt x="350897" y="215239"/>
                    <a:pt x="380077" y="220892"/>
                  </a:cubicBezTo>
                  <a:lnTo>
                    <a:pt x="445353" y="240075"/>
                  </a:lnTo>
                  <a:lnTo>
                    <a:pt x="446769" y="241472"/>
                  </a:lnTo>
                  <a:cubicBezTo>
                    <a:pt x="482927" y="270679"/>
                    <a:pt x="526515" y="287733"/>
                    <a:pt x="573435" y="287733"/>
                  </a:cubicBezTo>
                  <a:cubicBezTo>
                    <a:pt x="635995" y="287733"/>
                    <a:pt x="692632" y="257414"/>
                    <a:pt x="733630" y="208397"/>
                  </a:cubicBezTo>
                  <a:lnTo>
                    <a:pt x="739243" y="198443"/>
                  </a:lnTo>
                  <a:lnTo>
                    <a:pt x="741315" y="198097"/>
                  </a:lnTo>
                  <a:lnTo>
                    <a:pt x="779811" y="134082"/>
                  </a:lnTo>
                  <a:cubicBezTo>
                    <a:pt x="791670" y="107832"/>
                    <a:pt x="801837" y="81192"/>
                    <a:pt x="810358" y="54259"/>
                  </a:cubicBezTo>
                  <a:close/>
                </a:path>
              </a:pathLst>
            </a:custGeom>
            <a:solidFill>
              <a:srgbClr val="FF6680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5" name="任意多边形 24"/>
            <p:cNvSpPr/>
            <p:nvPr/>
          </p:nvSpPr>
          <p:spPr>
            <a:xfrm>
              <a:off x="5120554" y="2229778"/>
              <a:ext cx="2477934" cy="1308496"/>
            </a:xfrm>
            <a:custGeom>
              <a:avLst/>
              <a:gdLst>
                <a:gd name="connsiteX0" fmla="*/ 753368 w 2690871"/>
                <a:gd name="connsiteY0" fmla="*/ 0 h 1420939"/>
                <a:gd name="connsiteX1" fmla="*/ 1297698 w 2690871"/>
                <a:gd name="connsiteY1" fmla="*/ 142516 h 1420939"/>
                <a:gd name="connsiteX2" fmla="*/ 1299739 w 2690871"/>
                <a:gd name="connsiteY2" fmla="*/ 143959 h 1420939"/>
                <a:gd name="connsiteX3" fmla="*/ 1338349 w 2690871"/>
                <a:gd name="connsiteY3" fmla="*/ 125997 h 1420939"/>
                <a:gd name="connsiteX4" fmla="*/ 1717305 w 2690871"/>
                <a:gd name="connsiteY4" fmla="*/ 60419 h 1420939"/>
                <a:gd name="connsiteX5" fmla="*/ 2690871 w 2690871"/>
                <a:gd name="connsiteY5" fmla="*/ 894898 h 1420939"/>
                <a:gd name="connsiteX6" fmla="*/ 2682146 w 2690871"/>
                <a:gd name="connsiteY6" fmla="*/ 969085 h 1420939"/>
                <a:gd name="connsiteX7" fmla="*/ 2680400 w 2690871"/>
                <a:gd name="connsiteY7" fmla="*/ 970253 h 1420939"/>
                <a:gd name="connsiteX8" fmla="*/ 2679383 w 2690871"/>
                <a:gd name="connsiteY8" fmla="*/ 981635 h 1420939"/>
                <a:gd name="connsiteX9" fmla="*/ 2566060 w 2690871"/>
                <a:gd name="connsiteY9" fmla="*/ 1119890 h 1420939"/>
                <a:gd name="connsiteX10" fmla="*/ 2431581 w 2690871"/>
                <a:gd name="connsiteY10" fmla="*/ 1129883 h 1420939"/>
                <a:gd name="connsiteX11" fmla="*/ 2429715 w 2690871"/>
                <a:gd name="connsiteY11" fmla="*/ 1129193 h 1420939"/>
                <a:gd name="connsiteX12" fmla="*/ 2362331 w 2690871"/>
                <a:gd name="connsiteY12" fmla="*/ 1138587 h 1420939"/>
                <a:gd name="connsiteX13" fmla="*/ 2276453 w 2690871"/>
                <a:gd name="connsiteY13" fmla="*/ 1167924 h 1420939"/>
                <a:gd name="connsiteX14" fmla="*/ 2077895 w 2690871"/>
                <a:gd name="connsiteY14" fmla="*/ 1337159 h 1420939"/>
                <a:gd name="connsiteX15" fmla="*/ 2048305 w 2690871"/>
                <a:gd name="connsiteY15" fmla="*/ 1393536 h 1420939"/>
                <a:gd name="connsiteX16" fmla="*/ 2000273 w 2690871"/>
                <a:gd name="connsiteY16" fmla="*/ 1384489 h 1420939"/>
                <a:gd name="connsiteX17" fmla="*/ 1723311 w 2690871"/>
                <a:gd name="connsiteY17" fmla="*/ 1397040 h 1420939"/>
                <a:gd name="connsiteX18" fmla="*/ 1633195 w 2690871"/>
                <a:gd name="connsiteY18" fmla="*/ 1420939 h 1420939"/>
                <a:gd name="connsiteX19" fmla="*/ 1628718 w 2690871"/>
                <a:gd name="connsiteY19" fmla="*/ 1395065 h 1420939"/>
                <a:gd name="connsiteX20" fmla="*/ 1475822 w 2690871"/>
                <a:gd name="connsiteY20" fmla="*/ 1103477 h 1420939"/>
                <a:gd name="connsiteX21" fmla="*/ 757097 w 2690871"/>
                <a:gd name="connsiteY21" fmla="*/ 920642 h 1420939"/>
                <a:gd name="connsiteX22" fmla="*/ 695022 w 2690871"/>
                <a:gd name="connsiteY22" fmla="*/ 949410 h 1420939"/>
                <a:gd name="connsiteX23" fmla="*/ 679284 w 2690871"/>
                <a:gd name="connsiteY23" fmla="*/ 915037 h 1420939"/>
                <a:gd name="connsiteX24" fmla="*/ 492527 w 2690871"/>
                <a:gd name="connsiteY24" fmla="*/ 650594 h 1420939"/>
                <a:gd name="connsiteX25" fmla="*/ 63158 w 2690871"/>
                <a:gd name="connsiteY25" fmla="*/ 333688 h 1420939"/>
                <a:gd name="connsiteX26" fmla="*/ 0 w 2690871"/>
                <a:gd name="connsiteY26" fmla="*/ 311891 h 1420939"/>
                <a:gd name="connsiteX27" fmla="*/ 64953 w 2690871"/>
                <a:gd name="connsiteY27" fmla="*/ 244413 h 1420939"/>
                <a:gd name="connsiteX28" fmla="*/ 753368 w 2690871"/>
                <a:gd name="connsiteY28" fmla="*/ 0 h 142093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  <a:cxn ang="0">
                  <a:pos x="connsiteX15" y="connsiteY15"/>
                </a:cxn>
                <a:cxn ang="0">
                  <a:pos x="connsiteX16" y="connsiteY16"/>
                </a:cxn>
                <a:cxn ang="0">
                  <a:pos x="connsiteX17" y="connsiteY17"/>
                </a:cxn>
                <a:cxn ang="0">
                  <a:pos x="connsiteX18" y="connsiteY18"/>
                </a:cxn>
                <a:cxn ang="0">
                  <a:pos x="connsiteX19" y="connsiteY19"/>
                </a:cxn>
                <a:cxn ang="0">
                  <a:pos x="connsiteX20" y="connsiteY20"/>
                </a:cxn>
                <a:cxn ang="0">
                  <a:pos x="connsiteX21" y="connsiteY21"/>
                </a:cxn>
                <a:cxn ang="0">
                  <a:pos x="connsiteX22" y="connsiteY22"/>
                </a:cxn>
                <a:cxn ang="0">
                  <a:pos x="connsiteX23" y="connsiteY23"/>
                </a:cxn>
                <a:cxn ang="0">
                  <a:pos x="connsiteX24" y="connsiteY24"/>
                </a:cxn>
                <a:cxn ang="0">
                  <a:pos x="connsiteX25" y="connsiteY25"/>
                </a:cxn>
                <a:cxn ang="0">
                  <a:pos x="connsiteX26" y="connsiteY26"/>
                </a:cxn>
                <a:cxn ang="0">
                  <a:pos x="connsiteX27" y="connsiteY27"/>
                </a:cxn>
                <a:cxn ang="0">
                  <a:pos x="connsiteX28" y="connsiteY28"/>
                </a:cxn>
              </a:cxnLst>
              <a:rect l="l" t="t" r="r" b="b"/>
              <a:pathLst>
                <a:path w="2690871" h="1420939">
                  <a:moveTo>
                    <a:pt x="753368" y="0"/>
                  </a:moveTo>
                  <a:cubicBezTo>
                    <a:pt x="955001" y="0"/>
                    <a:pt x="1142316" y="52539"/>
                    <a:pt x="1297698" y="142516"/>
                  </a:cubicBezTo>
                  <a:lnTo>
                    <a:pt x="1299739" y="143959"/>
                  </a:lnTo>
                  <a:lnTo>
                    <a:pt x="1338349" y="125997"/>
                  </a:lnTo>
                  <a:cubicBezTo>
                    <a:pt x="1454825" y="83770"/>
                    <a:pt x="1582884" y="60419"/>
                    <a:pt x="1717305" y="60419"/>
                  </a:cubicBezTo>
                  <a:cubicBezTo>
                    <a:pt x="2254991" y="60419"/>
                    <a:pt x="2690871" y="434028"/>
                    <a:pt x="2690871" y="894898"/>
                  </a:cubicBezTo>
                  <a:lnTo>
                    <a:pt x="2682146" y="969085"/>
                  </a:lnTo>
                  <a:lnTo>
                    <a:pt x="2680400" y="970253"/>
                  </a:lnTo>
                  <a:lnTo>
                    <a:pt x="2679383" y="981635"/>
                  </a:lnTo>
                  <a:cubicBezTo>
                    <a:pt x="2662203" y="1043185"/>
                    <a:pt x="2623071" y="1094133"/>
                    <a:pt x="2566060" y="1119890"/>
                  </a:cubicBezTo>
                  <a:cubicBezTo>
                    <a:pt x="2523301" y="1139208"/>
                    <a:pt x="2476557" y="1141613"/>
                    <a:pt x="2431581" y="1129883"/>
                  </a:cubicBezTo>
                  <a:lnTo>
                    <a:pt x="2429715" y="1129193"/>
                  </a:lnTo>
                  <a:lnTo>
                    <a:pt x="2362331" y="1138587"/>
                  </a:lnTo>
                  <a:cubicBezTo>
                    <a:pt x="2333411" y="1145449"/>
                    <a:pt x="2304655" y="1155183"/>
                    <a:pt x="2276453" y="1167924"/>
                  </a:cubicBezTo>
                  <a:cubicBezTo>
                    <a:pt x="2191849" y="1206147"/>
                    <a:pt x="2124253" y="1266004"/>
                    <a:pt x="2077895" y="1337159"/>
                  </a:cubicBezTo>
                  <a:lnTo>
                    <a:pt x="2048305" y="1393536"/>
                  </a:lnTo>
                  <a:lnTo>
                    <a:pt x="2000273" y="1384489"/>
                  </a:lnTo>
                  <a:cubicBezTo>
                    <a:pt x="1908307" y="1374242"/>
                    <a:pt x="1815026" y="1378014"/>
                    <a:pt x="1723311" y="1397040"/>
                  </a:cubicBezTo>
                  <a:lnTo>
                    <a:pt x="1633195" y="1420939"/>
                  </a:lnTo>
                  <a:lnTo>
                    <a:pt x="1628718" y="1395065"/>
                  </a:lnTo>
                  <a:cubicBezTo>
                    <a:pt x="1603870" y="1289845"/>
                    <a:pt x="1553092" y="1189338"/>
                    <a:pt x="1475822" y="1103477"/>
                  </a:cubicBezTo>
                  <a:cubicBezTo>
                    <a:pt x="1290375" y="897410"/>
                    <a:pt x="1005003" y="834230"/>
                    <a:pt x="757097" y="920642"/>
                  </a:cubicBezTo>
                  <a:lnTo>
                    <a:pt x="695022" y="949410"/>
                  </a:lnTo>
                  <a:lnTo>
                    <a:pt x="679284" y="915037"/>
                  </a:lnTo>
                  <a:cubicBezTo>
                    <a:pt x="630535" y="824043"/>
                    <a:pt x="568093" y="734561"/>
                    <a:pt x="492527" y="650594"/>
                  </a:cubicBezTo>
                  <a:cubicBezTo>
                    <a:pt x="362987" y="506650"/>
                    <a:pt x="213277" y="399354"/>
                    <a:pt x="63158" y="333688"/>
                  </a:cubicBezTo>
                  <a:lnTo>
                    <a:pt x="0" y="311891"/>
                  </a:lnTo>
                  <a:lnTo>
                    <a:pt x="64953" y="244413"/>
                  </a:lnTo>
                  <a:cubicBezTo>
                    <a:pt x="241134" y="93402"/>
                    <a:pt x="484525" y="0"/>
                    <a:pt x="753368" y="0"/>
                  </a:cubicBezTo>
                  <a:close/>
                </a:path>
              </a:pathLst>
            </a:custGeom>
            <a:solidFill>
              <a:srgbClr val="80AD31"/>
            </a:solidFill>
            <a:ln>
              <a:noFill/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6" name="文本框 25"/>
            <p:cNvSpPr txBox="1"/>
            <p:nvPr/>
          </p:nvSpPr>
          <p:spPr>
            <a:xfrm>
              <a:off x="4589946" y="3085673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1</a:t>
              </a:r>
              <a:endParaRPr lang="en-US" altLang="zh-CN" sz="3200" b="1" dirty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  <p:sp>
          <p:nvSpPr>
            <p:cNvPr id="27" name="文本框 26"/>
            <p:cNvSpPr txBox="1"/>
            <p:nvPr/>
          </p:nvSpPr>
          <p:spPr>
            <a:xfrm>
              <a:off x="6338148" y="2406976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2</a:t>
              </a:r>
              <a:endParaRPr lang="en-US" altLang="zh-CN" sz="3200" b="1" dirty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  <p:sp>
          <p:nvSpPr>
            <p:cNvPr id="28" name="文本框 27"/>
            <p:cNvSpPr txBox="1"/>
            <p:nvPr/>
          </p:nvSpPr>
          <p:spPr>
            <a:xfrm>
              <a:off x="7539898" y="3408838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3</a:t>
              </a:r>
              <a:endParaRPr lang="en-US" altLang="zh-CN" sz="3200" b="1" dirty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  <p:sp>
          <p:nvSpPr>
            <p:cNvPr id="29" name="文本框 28"/>
            <p:cNvSpPr txBox="1"/>
            <p:nvPr/>
          </p:nvSpPr>
          <p:spPr>
            <a:xfrm>
              <a:off x="6240056" y="4341122"/>
              <a:ext cx="649537" cy="646331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3600" b="1" dirty="0">
                  <a:solidFill>
                    <a:schemeClr val="bg1"/>
                  </a:solidFill>
                  <a:latin typeface="方正姚体" panose="02010601030101010101" pitchFamily="2" charset="-122"/>
                  <a:ea typeface="方正姚体" panose="02010601030101010101" pitchFamily="2" charset="-122"/>
                </a:rPr>
                <a:t>04</a:t>
              </a:r>
              <a:endParaRPr lang="en-US" altLang="zh-CN" sz="3200" b="1" dirty="0">
                <a:solidFill>
                  <a:schemeClr val="bg1"/>
                </a:solidFill>
                <a:latin typeface="方正姚体" panose="02010601030101010101" pitchFamily="2" charset="-122"/>
                <a:ea typeface="方正姚体" panose="02010601030101010101" pitchFamily="2" charset="-122"/>
              </a:endParaRPr>
            </a:p>
          </p:txBody>
        </p:sp>
      </p:grpSp>
      <p:sp>
        <p:nvSpPr>
          <p:cNvPr id="30" name="文本框 29"/>
          <p:cNvSpPr txBox="1"/>
          <p:nvPr/>
        </p:nvSpPr>
        <p:spPr>
          <a:xfrm>
            <a:off x="1044538" y="2324393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>
                <a:solidFill>
                  <a:srgbClr val="FEBC30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lick here to enter a title</a:t>
            </a:r>
            <a:endParaRPr lang="en-US" altLang="zh-CN" b="1" dirty="0">
              <a:solidFill>
                <a:srgbClr val="FEBC30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1" name="文本框 30"/>
          <p:cNvSpPr txBox="1"/>
          <p:nvPr/>
        </p:nvSpPr>
        <p:spPr>
          <a:xfrm>
            <a:off x="955198" y="4821829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>
                <a:solidFill>
                  <a:srgbClr val="45AFC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lick here to enter a title</a:t>
            </a:r>
            <a:endParaRPr lang="en-US" altLang="zh-CN" b="1" dirty="0">
              <a:solidFill>
                <a:srgbClr val="45AFC5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9" name="文本框 38"/>
          <p:cNvSpPr txBox="1"/>
          <p:nvPr/>
        </p:nvSpPr>
        <p:spPr>
          <a:xfrm>
            <a:off x="8849965" y="2324393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CDB1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>
                <a:solidFill>
                  <a:srgbClr val="80AD31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lick here to enter a title</a:t>
            </a:r>
            <a:endParaRPr lang="en-US" altLang="zh-CN" b="1" dirty="0">
              <a:solidFill>
                <a:srgbClr val="80AD31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0" name="文本框 39"/>
          <p:cNvSpPr txBox="1"/>
          <p:nvPr/>
        </p:nvSpPr>
        <p:spPr>
          <a:xfrm>
            <a:off x="8760625" y="4821829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  </a:t>
            </a:r>
            <a:r>
              <a:rPr lang="zh-CN" altLang="en-US" b="1" dirty="0">
                <a:solidFill>
                  <a:srgbClr val="45AFC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lick here to enter a title</a:t>
            </a:r>
            <a:endParaRPr lang="en-US" altLang="zh-CN" b="1" dirty="0">
              <a:solidFill>
                <a:srgbClr val="45AFC5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Please enter your main narrative here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endParaRPr lang="en-US" altLang="zh-CN" sz="1600" dirty="0">
              <a:solidFill>
                <a:schemeClr val="tx1">
                  <a:lumMod val="85000"/>
                  <a:lumOff val="15000"/>
                </a:schemeClr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307983492"/>
      </p:ext>
    </p:extLst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:p14="http://schemas.microsoft.com/office/powerpoint/2010/main"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00"/>
                            </p:stCondLst>
                            <p:childTnLst>
                              <p:par>
                                <p:cTn id="1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000"/>
                            </p:stCondLst>
                            <p:childTnLst>
                              <p:par>
                                <p:cTn id="1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500"/>
                            </p:stCondLst>
                            <p:childTnLst>
                              <p:par>
                                <p:cTn id="1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3000"/>
                            </p:stCondLst>
                            <p:childTnLst>
                              <p:par>
                                <p:cTn id="2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" grpId="0"/>
      <p:bldP spid="31" grpId="0"/>
      <p:bldP spid="39" grpId="0"/>
      <p:bldP spid="40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图片 1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04616" y="325260"/>
            <a:ext cx="11188006" cy="3592968"/>
          </a:xfrm>
          <a:prstGeom prst="rect">
            <a:avLst/>
          </a:prstGeom>
        </p:spPr>
      </p:pic>
      <p:grpSp>
        <p:nvGrpSpPr>
          <p:cNvPr id="56" name="组合 55"/>
          <p:cNvGrpSpPr/>
          <p:nvPr/>
        </p:nvGrpSpPr>
        <p:grpSpPr>
          <a:xfrm>
            <a:off x="7065141" y="1881946"/>
            <a:ext cx="3768009" cy="2592533"/>
            <a:chOff x="7065141" y="1881946"/>
            <a:chExt cx="3768009" cy="2592533"/>
          </a:xfrm>
        </p:grpSpPr>
        <p:sp>
          <p:nvSpPr>
            <p:cNvPr id="57" name="椭圆 56"/>
            <p:cNvSpPr/>
            <p:nvPr/>
          </p:nvSpPr>
          <p:spPr>
            <a:xfrm>
              <a:off x="7065141" y="1881946"/>
              <a:ext cx="3768009" cy="2592533"/>
            </a:xfrm>
            <a:prstGeom prst="ellipse">
              <a:avLst/>
            </a:prstGeom>
            <a:solidFill>
              <a:srgbClr val="45AFC5">
                <a:alpha val="7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8" name="椭圆 57"/>
            <p:cNvSpPr/>
            <p:nvPr/>
          </p:nvSpPr>
          <p:spPr>
            <a:xfrm>
              <a:off x="7248938" y="2016269"/>
              <a:ext cx="3400414" cy="2323886"/>
            </a:xfrm>
            <a:prstGeom prst="ellipse">
              <a:avLst/>
            </a:prstGeom>
            <a:solidFill>
              <a:srgbClr val="45AFC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</p:grpSp>
      <p:pic>
        <p:nvPicPr>
          <p:cNvPr id="4" name="图片 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0" y="5486400"/>
            <a:ext cx="12163928" cy="1371600"/>
          </a:xfrm>
          <a:prstGeom prst="rect">
            <a:avLst/>
          </a:prstGeom>
        </p:spPr>
      </p:pic>
      <p:pic>
        <p:nvPicPr>
          <p:cNvPr id="5" name="图片 4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0" y="4125971"/>
            <a:ext cx="12163928" cy="1888463"/>
          </a:xfrm>
          <a:prstGeom prst="rect">
            <a:avLst/>
          </a:prstGeom>
        </p:spPr>
      </p:pic>
      <p:pic>
        <p:nvPicPr>
          <p:cNvPr id="11" name="图片 10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5437129" y="6136783"/>
            <a:ext cx="663750" cy="247500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6638369" y="6278717"/>
            <a:ext cx="416250" cy="157500"/>
          </a:xfrm>
          <a:prstGeom prst="rect">
            <a:avLst/>
          </a:prstGeom>
        </p:spPr>
      </p:pic>
      <p:pic>
        <p:nvPicPr>
          <p:cNvPr id="17" name="图片 16"/>
          <p:cNvPicPr>
            <a:picLocks noChangeAspect="1"/>
          </p:cNvPicPr>
          <p:nvPr/>
        </p:nvPicPr>
        <p:blipFill>
          <a:blip r:embed="rId8"/>
          <a:stretch>
            <a:fillRect/>
          </a:stretch>
        </p:blipFill>
        <p:spPr>
          <a:xfrm>
            <a:off x="4500467" y="1639613"/>
            <a:ext cx="540000" cy="371250"/>
          </a:xfrm>
          <a:prstGeom prst="rect">
            <a:avLst/>
          </a:prstGeom>
        </p:spPr>
      </p:pic>
      <p:pic>
        <p:nvPicPr>
          <p:cNvPr id="18" name="图片 17"/>
          <p:cNvPicPr>
            <a:picLocks noChangeAspect="1"/>
          </p:cNvPicPr>
          <p:nvPr/>
        </p:nvPicPr>
        <p:blipFill>
          <a:blip r:embed="rId9"/>
          <a:stretch>
            <a:fillRect/>
          </a:stretch>
        </p:blipFill>
        <p:spPr>
          <a:xfrm>
            <a:off x="592427" y="253170"/>
            <a:ext cx="795054" cy="419612"/>
          </a:xfrm>
          <a:prstGeom prst="rect">
            <a:avLst/>
          </a:prstGeom>
        </p:spPr>
      </p:pic>
      <p:pic>
        <p:nvPicPr>
          <p:cNvPr id="19" name="图片 18"/>
          <p:cNvPicPr>
            <a:picLocks noChangeAspect="1"/>
          </p:cNvPicPr>
          <p:nvPr/>
        </p:nvPicPr>
        <p:blipFill>
          <a:blip r:embed="rId10"/>
          <a:stretch>
            <a:fillRect/>
          </a:stretch>
        </p:blipFill>
        <p:spPr>
          <a:xfrm>
            <a:off x="10739068" y="117517"/>
            <a:ext cx="1289800" cy="954787"/>
          </a:xfrm>
          <a:prstGeom prst="rect">
            <a:avLst/>
          </a:prstGeom>
        </p:spPr>
      </p:pic>
      <p:pic>
        <p:nvPicPr>
          <p:cNvPr id="21" name="图片 20"/>
          <p:cNvPicPr>
            <a:picLocks noChangeAspect="1"/>
          </p:cNvPicPr>
          <p:nvPr/>
        </p:nvPicPr>
        <p:blipFill>
          <a:blip r:embed="rId11"/>
          <a:stretch>
            <a:fillRect/>
          </a:stretch>
        </p:blipFill>
        <p:spPr>
          <a:xfrm>
            <a:off x="1277256" y="5987792"/>
            <a:ext cx="2674144" cy="657577"/>
          </a:xfrm>
          <a:prstGeom prst="rect">
            <a:avLst/>
          </a:prstGeom>
        </p:spPr>
      </p:pic>
      <p:pic>
        <p:nvPicPr>
          <p:cNvPr id="10" name="图片 9"/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5410216" y="5518558"/>
            <a:ext cx="358788" cy="780892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/>
        </p:nvPicPr>
        <p:blipFill>
          <a:blip r:embed="rId13"/>
          <a:stretch>
            <a:fillRect/>
          </a:stretch>
        </p:blipFill>
        <p:spPr>
          <a:xfrm>
            <a:off x="5734443" y="5486400"/>
            <a:ext cx="400998" cy="865311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/>
        </p:nvPicPr>
        <p:blipFill>
          <a:blip r:embed="rId14"/>
          <a:stretch>
            <a:fillRect/>
          </a:stretch>
        </p:blipFill>
        <p:spPr>
          <a:xfrm>
            <a:off x="6582679" y="5613436"/>
            <a:ext cx="527629" cy="801996"/>
          </a:xfrm>
          <a:prstGeom prst="rect">
            <a:avLst/>
          </a:prstGeom>
        </p:spPr>
      </p:pic>
      <p:sp>
        <p:nvSpPr>
          <p:cNvPr id="23" name="矩形 22"/>
          <p:cNvSpPr/>
          <p:nvPr/>
        </p:nvSpPr>
        <p:spPr>
          <a:xfrm>
            <a:off x="3078479" y="-1465420"/>
            <a:ext cx="694006" cy="1258675"/>
          </a:xfrm>
          <a:prstGeom prst="rect">
            <a:avLst/>
          </a:prstGeom>
          <a:solidFill>
            <a:srgbClr val="80AD3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4" name="矩形 23"/>
          <p:cNvSpPr/>
          <p:nvPr/>
        </p:nvSpPr>
        <p:spPr>
          <a:xfrm>
            <a:off x="3772485" y="-1465420"/>
            <a:ext cx="694006" cy="1258675"/>
          </a:xfrm>
          <a:prstGeom prst="rect">
            <a:avLst/>
          </a:prstGeom>
          <a:solidFill>
            <a:srgbClr val="FEBC3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5" name="矩形 24"/>
          <p:cNvSpPr/>
          <p:nvPr/>
        </p:nvSpPr>
        <p:spPr>
          <a:xfrm>
            <a:off x="4466491" y="-1465420"/>
            <a:ext cx="694006" cy="1258675"/>
          </a:xfrm>
          <a:prstGeom prst="rect">
            <a:avLst/>
          </a:prstGeom>
          <a:solidFill>
            <a:srgbClr val="A883B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6" name="矩形 25"/>
          <p:cNvSpPr/>
          <p:nvPr/>
        </p:nvSpPr>
        <p:spPr>
          <a:xfrm>
            <a:off x="5160498" y="-1465420"/>
            <a:ext cx="694006" cy="1258675"/>
          </a:xfrm>
          <a:prstGeom prst="rect">
            <a:avLst/>
          </a:prstGeom>
          <a:solidFill>
            <a:srgbClr val="FF66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27" name="矩形 26"/>
          <p:cNvSpPr/>
          <p:nvPr/>
        </p:nvSpPr>
        <p:spPr>
          <a:xfrm>
            <a:off x="5854504" y="-1465420"/>
            <a:ext cx="694006" cy="1258675"/>
          </a:xfrm>
          <a:prstGeom prst="rect">
            <a:avLst/>
          </a:prstGeom>
          <a:solidFill>
            <a:srgbClr val="45AFC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45" name="图片 44"/>
          <p:cNvPicPr>
            <a:picLocks noChangeAspect="1"/>
          </p:cNvPicPr>
          <p:nvPr/>
        </p:nvPicPr>
        <p:blipFill>
          <a:blip r:embed="rId15"/>
          <a:stretch>
            <a:fillRect/>
          </a:stretch>
        </p:blipFill>
        <p:spPr>
          <a:xfrm>
            <a:off x="332129" y="5417100"/>
            <a:ext cx="4661345" cy="709752"/>
          </a:xfrm>
          <a:prstGeom prst="rect">
            <a:avLst/>
          </a:prstGeom>
        </p:spPr>
      </p:pic>
      <p:pic>
        <p:nvPicPr>
          <p:cNvPr id="49" name="图片 48"/>
          <p:cNvPicPr>
            <a:picLocks noChangeAspect="1"/>
          </p:cNvPicPr>
          <p:nvPr/>
        </p:nvPicPr>
        <p:blipFill>
          <a:blip r:embed="rId16"/>
          <a:stretch>
            <a:fillRect/>
          </a:stretch>
        </p:blipFill>
        <p:spPr>
          <a:xfrm flipH="1">
            <a:off x="1263931" y="2967226"/>
            <a:ext cx="2508554" cy="2692107"/>
          </a:xfrm>
          <a:prstGeom prst="rect">
            <a:avLst/>
          </a:prstGeom>
        </p:spPr>
      </p:pic>
      <p:pic>
        <p:nvPicPr>
          <p:cNvPr id="50" name="图片 49"/>
          <p:cNvPicPr>
            <a:picLocks noChangeAspect="1"/>
          </p:cNvPicPr>
          <p:nvPr/>
        </p:nvPicPr>
        <p:blipFill>
          <a:blip r:embed="rId17"/>
          <a:stretch>
            <a:fillRect/>
          </a:stretch>
        </p:blipFill>
        <p:spPr>
          <a:xfrm flipH="1">
            <a:off x="2692679" y="3205793"/>
            <a:ext cx="467320" cy="670503"/>
          </a:xfrm>
          <a:prstGeom prst="rect">
            <a:avLst/>
          </a:prstGeom>
        </p:spPr>
      </p:pic>
      <p:pic>
        <p:nvPicPr>
          <p:cNvPr id="51" name="图片 50"/>
          <p:cNvPicPr>
            <a:picLocks noChangeAspect="1"/>
          </p:cNvPicPr>
          <p:nvPr/>
        </p:nvPicPr>
        <p:blipFill>
          <a:blip r:embed="rId18"/>
          <a:stretch>
            <a:fillRect/>
          </a:stretch>
        </p:blipFill>
        <p:spPr>
          <a:xfrm>
            <a:off x="145774" y="168433"/>
            <a:ext cx="11216940" cy="1414395"/>
          </a:xfrm>
          <a:prstGeom prst="rect">
            <a:avLst/>
          </a:prstGeom>
        </p:spPr>
      </p:pic>
      <p:pic>
        <p:nvPicPr>
          <p:cNvPr id="52" name="图片 51"/>
          <p:cNvPicPr>
            <a:picLocks noChangeAspect="1"/>
          </p:cNvPicPr>
          <p:nvPr/>
        </p:nvPicPr>
        <p:blipFill>
          <a:blip r:embed="rId19"/>
          <a:stretch>
            <a:fillRect/>
          </a:stretch>
        </p:blipFill>
        <p:spPr>
          <a:xfrm>
            <a:off x="1753509" y="1449961"/>
            <a:ext cx="1406490" cy="621047"/>
          </a:xfrm>
          <a:prstGeom prst="rect">
            <a:avLst/>
          </a:prstGeom>
        </p:spPr>
      </p:pic>
      <p:grpSp>
        <p:nvGrpSpPr>
          <p:cNvPr id="53" name="组合 52"/>
          <p:cNvGrpSpPr/>
          <p:nvPr/>
        </p:nvGrpSpPr>
        <p:grpSpPr>
          <a:xfrm>
            <a:off x="3505786" y="1556624"/>
            <a:ext cx="2133600" cy="2048256"/>
            <a:chOff x="3505786" y="1556624"/>
            <a:chExt cx="2133600" cy="2048256"/>
          </a:xfrm>
        </p:grpSpPr>
        <p:pic>
          <p:nvPicPr>
            <p:cNvPr id="54" name="图片 53"/>
            <p:cNvPicPr>
              <a:picLocks noChangeAspect="1"/>
            </p:cNvPicPr>
            <p:nvPr/>
          </p:nvPicPr>
          <p:blipFill>
            <a:blip r:embed="rId20"/>
            <a:stretch>
              <a:fillRect/>
            </a:stretch>
          </p:blipFill>
          <p:spPr>
            <a:xfrm flipH="1">
              <a:off x="3505786" y="1556624"/>
              <a:ext cx="2133600" cy="2048256"/>
            </a:xfrm>
            <a:prstGeom prst="rect">
              <a:avLst/>
            </a:prstGeom>
          </p:spPr>
        </p:pic>
        <p:sp>
          <p:nvSpPr>
            <p:cNvPr id="55" name="文本框 54"/>
            <p:cNvSpPr txBox="1"/>
            <p:nvPr/>
          </p:nvSpPr>
          <p:spPr>
            <a:xfrm>
              <a:off x="4119488" y="1975298"/>
              <a:ext cx="1218603" cy="1107996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en-US" altLang="zh-CN" sz="6600" dirty="0">
                  <a:solidFill>
                    <a:schemeClr val="bg1"/>
                  </a:solidFill>
                  <a:latin typeface="Britannic Bold" panose="020B0903060703020204" pitchFamily="34" charset="0"/>
                  <a:ea typeface="方正姚体" panose="02010601030101010101" pitchFamily="2" charset="-122"/>
                </a:rPr>
                <a:t>02</a:t>
              </a:r>
              <a:endParaRPr lang="zh-CN" altLang="en-US" sz="6600" dirty="0">
                <a:solidFill>
                  <a:schemeClr val="bg1"/>
                </a:solidFill>
                <a:latin typeface="Britannic Bold" panose="020B0903060703020204" pitchFamily="34" charset="0"/>
                <a:ea typeface="方正姚体" panose="02010601030101010101" pitchFamily="2" charset="-122"/>
              </a:endParaRPr>
            </a:p>
          </p:txBody>
        </p:sp>
      </p:grpSp>
      <p:pic>
        <p:nvPicPr>
          <p:cNvPr id="8" name="图片 7"/>
          <p:cNvPicPr>
            <a:picLocks noChangeAspect="1"/>
          </p:cNvPicPr>
          <p:nvPr/>
        </p:nvPicPr>
        <p:blipFill>
          <a:blip r:embed="rId21"/>
          <a:stretch>
            <a:fillRect/>
          </a:stretch>
        </p:blipFill>
        <p:spPr>
          <a:xfrm>
            <a:off x="1144771" y="5788547"/>
            <a:ext cx="485419" cy="696471"/>
          </a:xfrm>
          <a:prstGeom prst="rect">
            <a:avLst/>
          </a:prstGeom>
        </p:spPr>
      </p:pic>
      <p:sp>
        <p:nvSpPr>
          <p:cNvPr id="59" name="文本框 58"/>
          <p:cNvSpPr txBox="1"/>
          <p:nvPr/>
        </p:nvSpPr>
        <p:spPr>
          <a:xfrm>
            <a:off x="7827905" y="2269307"/>
            <a:ext cx="2741456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804">
              <a:defRPr/>
            </a:pP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Click here</a:t>
            </a:r>
            <a:endParaRPr lang="en-US" altLang="zh-CN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en-US" altLang="zh-CN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</a:t>
            </a: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Enter the </a:t>
            </a:r>
            <a:endParaRPr lang="en-US" altLang="zh-CN" sz="3600" b="1" kern="0" dirty="0">
              <a:solidFill>
                <a:schemeClr val="bg1"/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pPr defTabSz="1218804">
              <a:defRPr/>
            </a:pPr>
            <a:r>
              <a:rPr lang="zh-CN" altLang="en-US" sz="3600" b="1" kern="0" dirty="0">
                <a:solidFill>
                  <a:schemeClr val="bg1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title</a:t>
            </a:r>
          </a:p>
        </p:txBody>
      </p:sp>
    </p:spTree>
    <p:extLst>
      <p:ext uri="{BB962C8B-B14F-4D97-AF65-F5344CB8AC3E}">
        <p14:creationId xmlns:p14="http://schemas.microsoft.com/office/powerpoint/2010/main" val="42768296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mc:AlternateContent xmlns:mc="http://schemas.openxmlformats.org/markup-compatibility/2006">
    <mc:Choice xmlns:p14="http://schemas.microsoft.com/office/powerpoint/2010/main"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 p14:presetBounceEnd="38000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38000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38000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Choice>
    <mc:Fallback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22" presetClass="entr" presetSubtype="8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" dur="500"/>
                                            <p:tgtEl>
                                              <p:spTgt spid="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" fill="hold">
                                <p:stCondLst>
                                  <p:cond delay="500"/>
                                </p:stCondLst>
                                <p:childTnLst>
                                  <p:par>
                                    <p:cTn id="9" presetID="22" presetClass="entr" presetSubtype="8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11" dur="500"/>
                                            <p:tgtEl>
                                              <p:spTgt spid="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2" fill="hold">
                                <p:stCondLst>
                                  <p:cond delay="1000"/>
                                </p:stCondLst>
                                <p:childTnLst>
                                  <p:par>
                                    <p:cTn id="13" presetID="9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dissolve">
                                          <p:cBhvr>
                                            <p:cTn id="15" dur="500"/>
                                            <p:tgtEl>
                                              <p:spTgt spid="1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16" fill="hold">
                                <p:stCondLst>
                                  <p:cond delay="1500"/>
                                </p:stCondLst>
                                <p:childTnLst>
                                  <p:par>
                                    <p:cTn id="17" presetID="47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19" dur="1000"/>
                                            <p:tgtEl>
                                              <p:spTgt spid="1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0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1" dur="1000" fill="hold"/>
                                            <p:tgtEl>
                                              <p:spTgt spid="1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2" presetID="47" presetClass="entr" presetSubtype="0" fill="hold" nodeType="withEffect">
                                      <p:stCondLst>
                                        <p:cond delay="250"/>
                                      </p:stCondLst>
                                      <p:childTnLst>
                                        <p:set>
                                          <p:cBhvr>
                                            <p:cTn id="2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4" dur="1000"/>
                                            <p:tgtEl>
                                              <p:spTgt spid="18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25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6" dur="1000" fill="hold"/>
                                            <p:tgtEl>
                                              <p:spTgt spid="18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27" presetID="47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2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29" dur="1000"/>
                                            <p:tgtEl>
                                              <p:spTgt spid="17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30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1" dur="1000" fill="hold"/>
                                            <p:tgtEl>
                                              <p:spTgt spid="17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-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32" presetID="10" presetClass="entr" presetSubtype="0" fill="hold" nodeType="withEffect">
                                      <p:stCondLst>
                                        <p:cond delay="500"/>
                                      </p:stCondLst>
                                      <p:childTnLst>
                                        <p:set>
                                          <p:cBhvr>
                                            <p:cTn id="3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4" dur="500"/>
                                            <p:tgtEl>
                                              <p:spTgt spid="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5" presetID="10" presetClass="entr" presetSubtype="0" fill="hold" nodeType="withEffect">
                                      <p:stCondLst>
                                        <p:cond delay="750"/>
                                      </p:stCondLst>
                                      <p:childTnLst>
                                        <p:set>
                                          <p:cBhvr>
                                            <p:cTn id="3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37" dur="500"/>
                                            <p:tgtEl>
                                              <p:spTgt spid="1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8" presetID="10" presetClass="entr" presetSubtype="0" fill="hold" nodeType="withEffect">
                                      <p:stCondLst>
                                        <p:cond delay="10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0" dur="500"/>
                                            <p:tgtEl>
                                              <p:spTgt spid="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1" presetID="10" presetClass="entr" presetSubtype="0" fill="hold" nodeType="withEffect">
                                      <p:stCondLst>
                                        <p:cond delay="1250"/>
                                      </p:stCondLst>
                                      <p:childTnLst>
                                        <p:set>
                                          <p:cBhvr>
                                            <p:cTn id="4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3" dur="500"/>
                                            <p:tgtEl>
                                              <p:spTgt spid="1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44" fill="hold">
                                <p:stCondLst>
                                  <p:cond delay="3250"/>
                                </p:stCondLst>
                                <p:childTnLst>
                                  <p:par>
                                    <p:cTn id="4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47" dur="500"/>
                                            <p:tgtEl>
                                              <p:spTgt spid="1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8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4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0" dur="500"/>
                                            <p:tgtEl>
                                              <p:spTgt spid="1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1" presetID="10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2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3" dur="500"/>
                                            <p:tgtEl>
                                              <p:spTgt spid="2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4" fill="hold">
                                <p:stCondLst>
                                  <p:cond delay="3750"/>
                                </p:stCondLst>
                                <p:childTnLst>
                                  <p:par>
                                    <p:cTn id="55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5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57" dur="500"/>
                                            <p:tgtEl>
                                              <p:spTgt spid="5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58" fill="hold">
                                <p:stCondLst>
                                  <p:cond delay="4250"/>
                                </p:stCondLst>
                                <p:childTnLst>
                                  <p:par>
                                    <p:cTn id="59" presetID="42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61" dur="1000"/>
                                            <p:tgtEl>
                                              <p:spTgt spid="49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62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3" dur="1000" fill="hold"/>
                                            <p:tgtEl>
                                              <p:spTgt spid="4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4" fill="hold">
                                <p:stCondLst>
                                  <p:cond delay="5250"/>
                                </p:stCondLst>
                                <p:childTnLst>
                                  <p:par>
                                    <p:cTn id="65" presetID="16" presetClass="entr" presetSubtype="37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barn(outVertical)">
                                          <p:cBhvr>
                                            <p:cTn id="67" dur="500"/>
                                            <p:tgtEl>
                                              <p:spTgt spid="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68" fill="hold">
                                <p:stCondLst>
                                  <p:cond delay="5750"/>
                                </p:stCondLst>
                                <p:childTnLst>
                                  <p:par>
                                    <p:cTn id="69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1" dur="500"/>
                                            <p:tgtEl>
                                              <p:spTgt spid="5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2" fill="hold">
                                <p:stCondLst>
                                  <p:cond delay="6250"/>
                                </p:stCondLst>
                                <p:childTnLst>
                                  <p:par>
                                    <p:cTn id="73" presetID="10" presetClass="entr" presetSubtype="0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5" dur="500"/>
                                            <p:tgtEl>
                                              <p:spTgt spid="5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76" fill="hold">
                                <p:stCondLst>
                                  <p:cond delay="6750"/>
                                </p:stCondLst>
                                <p:childTnLst>
                                  <p:par>
                                    <p:cTn id="77" presetID="2" presetClass="entr" presetSubtype="3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7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9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0" dur="1000" fill="hold"/>
                                            <p:tgtEl>
                                              <p:spTgt spid="5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h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1" fill="hold">
                                <p:stCondLst>
                                  <p:cond delay="7750"/>
                                </p:stCondLst>
                                <p:childTnLst>
                                  <p:par>
                                    <p:cTn id="82" presetID="53" presetClass="entr" presetSubtype="16" fill="hold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4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5" dur="1000" fill="hold"/>
                                            <p:tgtEl>
                                              <p:spTgt spid="5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6" dur="1000"/>
                                            <p:tgtEl>
                                              <p:spTgt spid="5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  <p:par>
                              <p:cTn id="87" fill="hold">
                                <p:stCondLst>
                                  <p:cond delay="8750"/>
                                </p:stCondLst>
                                <p:childTnLst>
                                  <p:par>
                                    <p:cTn id="88" presetID="10" presetClass="entr" presetSubtype="0" fill="hold" grpId="0" nodeType="after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8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5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90" dur="500"/>
                                            <p:tgtEl>
                                              <p:spTgt spid="59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59" grpId="0"/>
        </p:bldLst>
      </p:timing>
    </mc:Fallback>
  </mc:AlternateContent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ISPRING_PRESENTATION_TITLE" val="卡通儿童"/>
</p:tagLst>
</file>

<file path=ppt/theme/theme1.xml><?xml version="1.0" encoding="utf-8"?>
<a:theme xmlns:a="http://schemas.openxmlformats.org/drawingml/2006/main" name="https://www.freeppt7.com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55</TotalTime>
  <Words>1543</Words>
  <Application>Microsoft Office PowerPoint</Application>
  <PresentationFormat>宽屏</PresentationFormat>
  <Paragraphs>287</Paragraphs>
  <Slides>25</Slides>
  <Notes>25</Notes>
  <HiddenSlides>0</HiddenSlides>
  <MMClips>1</MMClips>
  <ScaleCrop>false</ScaleCrop>
  <HeadingPairs>
    <vt:vector size="6" baseType="variant">
      <vt:variant>
        <vt:lpstr>已用的字体</vt:lpstr>
      </vt:variant>
      <vt:variant>
        <vt:i4>13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25</vt:i4>
      </vt:variant>
    </vt:vector>
  </HeadingPairs>
  <TitlesOfParts>
    <vt:vector size="39" baseType="lpstr">
      <vt:lpstr>等线</vt:lpstr>
      <vt:lpstr>等线 Light</vt:lpstr>
      <vt:lpstr>方正姚体</vt:lpstr>
      <vt:lpstr>汉仪中圆简</vt:lpstr>
      <vt:lpstr>Microsoft YaHei</vt:lpstr>
      <vt:lpstr>Microsoft YaHei</vt:lpstr>
      <vt:lpstr>微软雅黑 Light</vt:lpstr>
      <vt:lpstr>幼圆</vt:lpstr>
      <vt:lpstr>Agency FB</vt:lpstr>
      <vt:lpstr>Arial</vt:lpstr>
      <vt:lpstr>Britannic Bold</vt:lpstr>
      <vt:lpstr>Calibri</vt:lpstr>
      <vt:lpstr>Impact</vt:lpstr>
      <vt:lpstr>https://www.freeppt7.com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Company>Microsoft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卡通儿童</dc:title>
  <dc:creator>PC</dc:creator>
  <cp:keywords>https:/www.freeppt7.com</cp:keywords>
  <cp:lastModifiedBy>宇 之灵</cp:lastModifiedBy>
  <cp:revision>23</cp:revision>
  <dcterms:created xsi:type="dcterms:W3CDTF">2017-04-28T08:28:55Z</dcterms:created>
  <dcterms:modified xsi:type="dcterms:W3CDTF">2019-11-06T07:23:25Z</dcterms:modified>
</cp:coreProperties>
</file>